
<file path=[Content_Types].xml><?xml version="1.0" encoding="utf-8"?>
<Types xmlns="http://schemas.openxmlformats.org/package/2006/content-types">
  <Default Extension="bin" ContentType="image/jpeg"/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vml" ContentType="application/vnd.openxmlformats-officedocument.vmlDrawing"/>
  <Default Extension="xlsb" ContentType="application/vnd.ms-excel.sheet.binary.macroEnabled.12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Masters/slideMaster9.xml" ContentType="application/vnd.openxmlformats-officedocument.presentationml.slideMaster+xml"/>
  <Override PartName="/ppt/slideMasters/slideMaster10.xml" ContentType="application/vnd.openxmlformats-officedocument.presentationml.slideMaster+xml"/>
  <Override PartName="/ppt/slideMasters/slideMaster11.xml" ContentType="application/vnd.openxmlformats-officedocument.presentationml.slideMaster+xml"/>
  <Override PartName="/ppt/slideMasters/slideMaster12.xml" ContentType="application/vnd.openxmlformats-officedocument.presentationml.slideMaster+xml"/>
  <Override PartName="/ppt/slideMasters/slideMaster13.xml" ContentType="application/vnd.openxmlformats-officedocument.presentationml.slideMaster+xml"/>
  <Override PartName="/ppt/slideMasters/slideMaster14.xml" ContentType="application/vnd.openxmlformats-officedocument.presentationml.slideMaster+xml"/>
  <Override PartName="/ppt/slideMasters/slideMaster15.xml" ContentType="application/vnd.openxmlformats-officedocument.presentationml.slideMaster+xml"/>
  <Override PartName="/ppt/slideMasters/slideMaster16.xml" ContentType="application/vnd.openxmlformats-officedocument.presentationml.slideMaster+xml"/>
  <Override PartName="/ppt/slideMasters/slideMaster17.xml" ContentType="application/vnd.openxmlformats-officedocument.presentationml.slideMaster+xml"/>
  <Override PartName="/ppt/slideMasters/slideMaster18.xml" ContentType="application/vnd.openxmlformats-officedocument.presentationml.slideMaster+xml"/>
  <Override PartName="/ppt/slideMasters/slideMaster19.xml" ContentType="application/vnd.openxmlformats-officedocument.presentationml.slideMaster+xml"/>
  <Override PartName="/ppt/slideMasters/slideMaster20.xml" ContentType="application/vnd.openxmlformats-officedocument.presentationml.slideMaster+xml"/>
  <Override PartName="/ppt/slideMasters/slideMaster21.xml" ContentType="application/vnd.openxmlformats-officedocument.presentationml.slideMaster+xml"/>
  <Override PartName="/ppt/slideMasters/slideMaster2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heme/theme2.xml" ContentType="application/vnd.openxmlformats-officedocument.theme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theme/theme3.xml" ContentType="application/vnd.openxmlformats-officedocument.theme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theme/theme4.xml" ContentType="application/vnd.openxmlformats-officedocument.theme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theme/theme5.xml" ContentType="application/vnd.openxmlformats-officedocument.theme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theme/theme6.xml" ContentType="application/vnd.openxmlformats-officedocument.theme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theme/theme7.xml" ContentType="application/vnd.openxmlformats-officedocument.theme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theme/theme8.xml" ContentType="application/vnd.openxmlformats-officedocument.theme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slideLayouts/slideLayout87.xml" ContentType="application/vnd.openxmlformats-officedocument.presentationml.slideLayout+xml"/>
  <Override PartName="/ppt/theme/theme9.xml" ContentType="application/vnd.openxmlformats-officedocument.theme+xml"/>
  <Override PartName="/ppt/slideLayouts/slideLayout88.xml" ContentType="application/vnd.openxmlformats-officedocument.presentationml.slideLayout+xml"/>
  <Override PartName="/ppt/slideLayouts/slideLayout89.xml" ContentType="application/vnd.openxmlformats-officedocument.presentationml.slideLayout+xml"/>
  <Override PartName="/ppt/slideLayouts/slideLayout90.xml" ContentType="application/vnd.openxmlformats-officedocument.presentationml.slideLayout+xml"/>
  <Override PartName="/ppt/slideLayouts/slideLayout91.xml" ContentType="application/vnd.openxmlformats-officedocument.presentationml.slideLayout+xml"/>
  <Override PartName="/ppt/slideLayouts/slideLayout92.xml" ContentType="application/vnd.openxmlformats-officedocument.presentationml.slideLayout+xml"/>
  <Override PartName="/ppt/slideLayouts/slideLayout93.xml" ContentType="application/vnd.openxmlformats-officedocument.presentationml.slideLayout+xml"/>
  <Override PartName="/ppt/slideLayouts/slideLayout94.xml" ContentType="application/vnd.openxmlformats-officedocument.presentationml.slideLayout+xml"/>
  <Override PartName="/ppt/theme/theme10.xml" ContentType="application/vnd.openxmlformats-officedocument.theme+xml"/>
  <Override PartName="/ppt/slideLayouts/slideLayout95.xml" ContentType="application/vnd.openxmlformats-officedocument.presentationml.slideLayout+xml"/>
  <Override PartName="/ppt/slideLayouts/slideLayout96.xml" ContentType="application/vnd.openxmlformats-officedocument.presentationml.slideLayout+xml"/>
  <Override PartName="/ppt/slideLayouts/slideLayout97.xml" ContentType="application/vnd.openxmlformats-officedocument.presentationml.slideLayout+xml"/>
  <Override PartName="/ppt/slideLayouts/slideLayout98.xml" ContentType="application/vnd.openxmlformats-officedocument.presentationml.slideLayout+xml"/>
  <Override PartName="/ppt/slideLayouts/slideLayout99.xml" ContentType="application/vnd.openxmlformats-officedocument.presentationml.slideLayout+xml"/>
  <Override PartName="/ppt/slideLayouts/slideLayout100.xml" ContentType="application/vnd.openxmlformats-officedocument.presentationml.slideLayout+xml"/>
  <Override PartName="/ppt/slideLayouts/slideLayout101.xml" ContentType="application/vnd.openxmlformats-officedocument.presentationml.slideLayout+xml"/>
  <Override PartName="/ppt/slideLayouts/slideLayout102.xml" ContentType="application/vnd.openxmlformats-officedocument.presentationml.slideLayout+xml"/>
  <Override PartName="/ppt/slideLayouts/slideLayout103.xml" ContentType="application/vnd.openxmlformats-officedocument.presentationml.slideLayout+xml"/>
  <Override PartName="/ppt/slideLayouts/slideLayout104.xml" ContentType="application/vnd.openxmlformats-officedocument.presentationml.slideLayout+xml"/>
  <Override PartName="/ppt/slideLayouts/slideLayout105.xml" ContentType="application/vnd.openxmlformats-officedocument.presentationml.slideLayout+xml"/>
  <Override PartName="/ppt/slideLayouts/slideLayout106.xml" ContentType="application/vnd.openxmlformats-officedocument.presentationml.slideLayout+xml"/>
  <Override PartName="/ppt/slideLayouts/slideLayout107.xml" ContentType="application/vnd.openxmlformats-officedocument.presentationml.slideLayout+xml"/>
  <Override PartName="/ppt/slideLayouts/slideLayout108.xml" ContentType="application/vnd.openxmlformats-officedocument.presentationml.slideLayout+xml"/>
  <Override PartName="/ppt/slideLayouts/slideLayout109.xml" ContentType="application/vnd.openxmlformats-officedocument.presentationml.slideLayout+xml"/>
  <Override PartName="/ppt/slideLayouts/slideLayout110.xml" ContentType="application/vnd.openxmlformats-officedocument.presentationml.slideLayout+xml"/>
  <Override PartName="/ppt/slideLayouts/slideLayout111.xml" ContentType="application/vnd.openxmlformats-officedocument.presentationml.slideLayout+xml"/>
  <Override PartName="/ppt/slideLayouts/slideLayout112.xml" ContentType="application/vnd.openxmlformats-officedocument.presentationml.slideLayout+xml"/>
  <Override PartName="/ppt/theme/theme11.xml" ContentType="application/vnd.openxmlformats-officedocument.theme+xml"/>
  <Override PartName="/ppt/slideLayouts/slideLayout113.xml" ContentType="application/vnd.openxmlformats-officedocument.presentationml.slideLayout+xml"/>
  <Override PartName="/ppt/slideLayouts/slideLayout114.xml" ContentType="application/vnd.openxmlformats-officedocument.presentationml.slideLayout+xml"/>
  <Override PartName="/ppt/slideLayouts/slideLayout115.xml" ContentType="application/vnd.openxmlformats-officedocument.presentationml.slideLayout+xml"/>
  <Override PartName="/ppt/slideLayouts/slideLayout116.xml" ContentType="application/vnd.openxmlformats-officedocument.presentationml.slideLayout+xml"/>
  <Override PartName="/ppt/slideLayouts/slideLayout117.xml" ContentType="application/vnd.openxmlformats-officedocument.presentationml.slideLayout+xml"/>
  <Override PartName="/ppt/slideLayouts/slideLayout118.xml" ContentType="application/vnd.openxmlformats-officedocument.presentationml.slideLayout+xml"/>
  <Override PartName="/ppt/slideLayouts/slideLayout119.xml" ContentType="application/vnd.openxmlformats-officedocument.presentationml.slideLayout+xml"/>
  <Override PartName="/ppt/slideLayouts/slideLayout120.xml" ContentType="application/vnd.openxmlformats-officedocument.presentationml.slideLayout+xml"/>
  <Override PartName="/ppt/theme/theme12.xml" ContentType="application/vnd.openxmlformats-officedocument.theme+xml"/>
  <Override PartName="/ppt/slideLayouts/slideLayout121.xml" ContentType="application/vnd.openxmlformats-officedocument.presentationml.slideLayout+xml"/>
  <Override PartName="/ppt/slideLayouts/slideLayout122.xml" ContentType="application/vnd.openxmlformats-officedocument.presentationml.slideLayout+xml"/>
  <Override PartName="/ppt/slideLayouts/slideLayout123.xml" ContentType="application/vnd.openxmlformats-officedocument.presentationml.slideLayout+xml"/>
  <Override PartName="/ppt/slideLayouts/slideLayout124.xml" ContentType="application/vnd.openxmlformats-officedocument.presentationml.slideLayout+xml"/>
  <Override PartName="/ppt/slideLayouts/slideLayout125.xml" ContentType="application/vnd.openxmlformats-officedocument.presentationml.slideLayout+xml"/>
  <Override PartName="/ppt/slideLayouts/slideLayout126.xml" ContentType="application/vnd.openxmlformats-officedocument.presentationml.slideLayout+xml"/>
  <Override PartName="/ppt/slideLayouts/slideLayout127.xml" ContentType="application/vnd.openxmlformats-officedocument.presentationml.slideLayout+xml"/>
  <Override PartName="/ppt/slideLayouts/slideLayout128.xml" ContentType="application/vnd.openxmlformats-officedocument.presentationml.slideLayout+xml"/>
  <Override PartName="/ppt/slideLayouts/slideLayout129.xml" ContentType="application/vnd.openxmlformats-officedocument.presentationml.slideLayout+xml"/>
  <Override PartName="/ppt/slideLayouts/slideLayout130.xml" ContentType="application/vnd.openxmlformats-officedocument.presentationml.slideLayout+xml"/>
  <Override PartName="/ppt/slideLayouts/slideLayout131.xml" ContentType="application/vnd.openxmlformats-officedocument.presentationml.slideLayout+xml"/>
  <Override PartName="/ppt/slideLayouts/slideLayout132.xml" ContentType="application/vnd.openxmlformats-officedocument.presentationml.slideLayout+xml"/>
  <Override PartName="/ppt/slideLayouts/slideLayout133.xml" ContentType="application/vnd.openxmlformats-officedocument.presentationml.slideLayout+xml"/>
  <Override PartName="/ppt/slideLayouts/slideLayout134.xml" ContentType="application/vnd.openxmlformats-officedocument.presentationml.slideLayout+xml"/>
  <Override PartName="/ppt/slideLayouts/slideLayout135.xml" ContentType="application/vnd.openxmlformats-officedocument.presentationml.slideLayout+xml"/>
  <Override PartName="/ppt/slideLayouts/slideLayout136.xml" ContentType="application/vnd.openxmlformats-officedocument.presentationml.slideLayout+xml"/>
  <Override PartName="/ppt/slideLayouts/slideLayout137.xml" ContentType="application/vnd.openxmlformats-officedocument.presentationml.slideLayout+xml"/>
  <Override PartName="/ppt/slideLayouts/slideLayout138.xml" ContentType="application/vnd.openxmlformats-officedocument.presentationml.slideLayout+xml"/>
  <Override PartName="/ppt/theme/theme13.xml" ContentType="application/vnd.openxmlformats-officedocument.theme+xml"/>
  <Override PartName="/ppt/slideLayouts/slideLayout139.xml" ContentType="application/vnd.openxmlformats-officedocument.presentationml.slideLayout+xml"/>
  <Override PartName="/ppt/slideLayouts/slideLayout140.xml" ContentType="application/vnd.openxmlformats-officedocument.presentationml.slideLayout+xml"/>
  <Override PartName="/ppt/slideLayouts/slideLayout141.xml" ContentType="application/vnd.openxmlformats-officedocument.presentationml.slideLayout+xml"/>
  <Override PartName="/ppt/slideLayouts/slideLayout142.xml" ContentType="application/vnd.openxmlformats-officedocument.presentationml.slideLayout+xml"/>
  <Override PartName="/ppt/slideLayouts/slideLayout143.xml" ContentType="application/vnd.openxmlformats-officedocument.presentationml.slideLayout+xml"/>
  <Override PartName="/ppt/slideLayouts/slideLayout144.xml" ContentType="application/vnd.openxmlformats-officedocument.presentationml.slideLayout+xml"/>
  <Override PartName="/ppt/theme/theme14.xml" ContentType="application/vnd.openxmlformats-officedocument.theme+xml"/>
  <Override PartName="/ppt/slideLayouts/slideLayout145.xml" ContentType="application/vnd.openxmlformats-officedocument.presentationml.slideLayout+xml"/>
  <Override PartName="/ppt/slideLayouts/slideLayout146.xml" ContentType="application/vnd.openxmlformats-officedocument.presentationml.slideLayout+xml"/>
  <Override PartName="/ppt/slideLayouts/slideLayout147.xml" ContentType="application/vnd.openxmlformats-officedocument.presentationml.slideLayout+xml"/>
  <Override PartName="/ppt/slideLayouts/slideLayout148.xml" ContentType="application/vnd.openxmlformats-officedocument.presentationml.slideLayout+xml"/>
  <Override PartName="/ppt/slideLayouts/slideLayout149.xml" ContentType="application/vnd.openxmlformats-officedocument.presentationml.slideLayout+xml"/>
  <Override PartName="/ppt/slideLayouts/slideLayout150.xml" ContentType="application/vnd.openxmlformats-officedocument.presentationml.slideLayout+xml"/>
  <Override PartName="/ppt/slideLayouts/slideLayout151.xml" ContentType="application/vnd.openxmlformats-officedocument.presentationml.slideLayout+xml"/>
  <Override PartName="/ppt/slideLayouts/slideLayout152.xml" ContentType="application/vnd.openxmlformats-officedocument.presentationml.slideLayout+xml"/>
  <Override PartName="/ppt/slideLayouts/slideLayout153.xml" ContentType="application/vnd.openxmlformats-officedocument.presentationml.slideLayout+xml"/>
  <Override PartName="/ppt/slideLayouts/slideLayout154.xml" ContentType="application/vnd.openxmlformats-officedocument.presentationml.slideLayout+xml"/>
  <Override PartName="/ppt/theme/theme15.xml" ContentType="application/vnd.openxmlformats-officedocument.theme+xml"/>
  <Override PartName="/ppt/slideLayouts/slideLayout155.xml" ContentType="application/vnd.openxmlformats-officedocument.presentationml.slideLayout+xml"/>
  <Override PartName="/ppt/slideLayouts/slideLayout156.xml" ContentType="application/vnd.openxmlformats-officedocument.presentationml.slideLayout+xml"/>
  <Override PartName="/ppt/slideLayouts/slideLayout157.xml" ContentType="application/vnd.openxmlformats-officedocument.presentationml.slideLayout+xml"/>
  <Override PartName="/ppt/slideLayouts/slideLayout158.xml" ContentType="application/vnd.openxmlformats-officedocument.presentationml.slideLayout+xml"/>
  <Override PartName="/ppt/slideLayouts/slideLayout159.xml" ContentType="application/vnd.openxmlformats-officedocument.presentationml.slideLayout+xml"/>
  <Override PartName="/ppt/slideLayouts/slideLayout160.xml" ContentType="application/vnd.openxmlformats-officedocument.presentationml.slideLayout+xml"/>
  <Override PartName="/ppt/slideLayouts/slideLayout161.xml" ContentType="application/vnd.openxmlformats-officedocument.presentationml.slideLayout+xml"/>
  <Override PartName="/ppt/slideLayouts/slideLayout162.xml" ContentType="application/vnd.openxmlformats-officedocument.presentationml.slideLayout+xml"/>
  <Override PartName="/ppt/slideLayouts/slideLayout163.xml" ContentType="application/vnd.openxmlformats-officedocument.presentationml.slideLayout+xml"/>
  <Override PartName="/ppt/slideLayouts/slideLayout164.xml" ContentType="application/vnd.openxmlformats-officedocument.presentationml.slideLayout+xml"/>
  <Override PartName="/ppt/slideLayouts/slideLayout165.xml" ContentType="application/vnd.openxmlformats-officedocument.presentationml.slideLayout+xml"/>
  <Override PartName="/ppt/slideLayouts/slideLayout166.xml" ContentType="application/vnd.openxmlformats-officedocument.presentationml.slideLayout+xml"/>
  <Override PartName="/ppt/slideLayouts/slideLayout167.xml" ContentType="application/vnd.openxmlformats-officedocument.presentationml.slideLayout+xml"/>
  <Override PartName="/ppt/slideLayouts/slideLayout168.xml" ContentType="application/vnd.openxmlformats-officedocument.presentationml.slideLayout+xml"/>
  <Override PartName="/ppt/slideLayouts/slideLayout169.xml" ContentType="application/vnd.openxmlformats-officedocument.presentationml.slideLayout+xml"/>
  <Override PartName="/ppt/theme/theme16.xml" ContentType="application/vnd.openxmlformats-officedocument.theme+xml"/>
  <Override PartName="/ppt/slideLayouts/slideLayout170.xml" ContentType="application/vnd.openxmlformats-officedocument.presentationml.slideLayout+xml"/>
  <Override PartName="/ppt/slideLayouts/slideLayout171.xml" ContentType="application/vnd.openxmlformats-officedocument.presentationml.slideLayout+xml"/>
  <Override PartName="/ppt/slideLayouts/slideLayout172.xml" ContentType="application/vnd.openxmlformats-officedocument.presentationml.slideLayout+xml"/>
  <Override PartName="/ppt/slideLayouts/slideLayout173.xml" ContentType="application/vnd.openxmlformats-officedocument.presentationml.slideLayout+xml"/>
  <Override PartName="/ppt/slideLayouts/slideLayout174.xml" ContentType="application/vnd.openxmlformats-officedocument.presentationml.slideLayout+xml"/>
  <Override PartName="/ppt/slideLayouts/slideLayout175.xml" ContentType="application/vnd.openxmlformats-officedocument.presentationml.slideLayout+xml"/>
  <Override PartName="/ppt/slideLayouts/slideLayout176.xml" ContentType="application/vnd.openxmlformats-officedocument.presentationml.slideLayout+xml"/>
  <Override PartName="/ppt/slideLayouts/slideLayout177.xml" ContentType="application/vnd.openxmlformats-officedocument.presentationml.slideLayout+xml"/>
  <Override PartName="/ppt/slideLayouts/slideLayout178.xml" ContentType="application/vnd.openxmlformats-officedocument.presentationml.slideLayout+xml"/>
  <Override PartName="/ppt/slideLayouts/slideLayout179.xml" ContentType="application/vnd.openxmlformats-officedocument.presentationml.slideLayout+xml"/>
  <Override PartName="/ppt/slideLayouts/slideLayout180.xml" ContentType="application/vnd.openxmlformats-officedocument.presentationml.slideLayout+xml"/>
  <Override PartName="/ppt/slideLayouts/slideLayout181.xml" ContentType="application/vnd.openxmlformats-officedocument.presentationml.slideLayout+xml"/>
  <Override PartName="/ppt/slideLayouts/slideLayout182.xml" ContentType="application/vnd.openxmlformats-officedocument.presentationml.slideLayout+xml"/>
  <Override PartName="/ppt/theme/theme17.xml" ContentType="application/vnd.openxmlformats-officedocument.theme+xml"/>
  <Override PartName="/ppt/slideLayouts/slideLayout183.xml" ContentType="application/vnd.openxmlformats-officedocument.presentationml.slideLayout+xml"/>
  <Override PartName="/ppt/slideLayouts/slideLayout184.xml" ContentType="application/vnd.openxmlformats-officedocument.presentationml.slideLayout+xml"/>
  <Override PartName="/ppt/slideLayouts/slideLayout185.xml" ContentType="application/vnd.openxmlformats-officedocument.presentationml.slideLayout+xml"/>
  <Override PartName="/ppt/slideLayouts/slideLayout186.xml" ContentType="application/vnd.openxmlformats-officedocument.presentationml.slideLayout+xml"/>
  <Override PartName="/ppt/slideLayouts/slideLayout187.xml" ContentType="application/vnd.openxmlformats-officedocument.presentationml.slideLayout+xml"/>
  <Override PartName="/ppt/slideLayouts/slideLayout188.xml" ContentType="application/vnd.openxmlformats-officedocument.presentationml.slideLayout+xml"/>
  <Override PartName="/ppt/slideLayouts/slideLayout189.xml" ContentType="application/vnd.openxmlformats-officedocument.presentationml.slideLayout+xml"/>
  <Override PartName="/ppt/slideLayouts/slideLayout190.xml" ContentType="application/vnd.openxmlformats-officedocument.presentationml.slideLayout+xml"/>
  <Override PartName="/ppt/slideLayouts/slideLayout191.xml" ContentType="application/vnd.openxmlformats-officedocument.presentationml.slideLayout+xml"/>
  <Override PartName="/ppt/theme/theme18.xml" ContentType="application/vnd.openxmlformats-officedocument.theme+xml"/>
  <Override PartName="/ppt/slideLayouts/slideLayout192.xml" ContentType="application/vnd.openxmlformats-officedocument.presentationml.slideLayout+xml"/>
  <Override PartName="/ppt/slideLayouts/slideLayout193.xml" ContentType="application/vnd.openxmlformats-officedocument.presentationml.slideLayout+xml"/>
  <Override PartName="/ppt/slideLayouts/slideLayout194.xml" ContentType="application/vnd.openxmlformats-officedocument.presentationml.slideLayout+xml"/>
  <Override PartName="/ppt/slideLayouts/slideLayout195.xml" ContentType="application/vnd.openxmlformats-officedocument.presentationml.slideLayout+xml"/>
  <Override PartName="/ppt/slideLayouts/slideLayout196.xml" ContentType="application/vnd.openxmlformats-officedocument.presentationml.slideLayout+xml"/>
  <Override PartName="/ppt/slideLayouts/slideLayout197.xml" ContentType="application/vnd.openxmlformats-officedocument.presentationml.slideLayout+xml"/>
  <Override PartName="/ppt/slideLayouts/slideLayout198.xml" ContentType="application/vnd.openxmlformats-officedocument.presentationml.slideLayout+xml"/>
  <Override PartName="/ppt/slideLayouts/slideLayout199.xml" ContentType="application/vnd.openxmlformats-officedocument.presentationml.slideLayout+xml"/>
  <Override PartName="/ppt/slideLayouts/slideLayout200.xml" ContentType="application/vnd.openxmlformats-officedocument.presentationml.slideLayout+xml"/>
  <Override PartName="/ppt/slideLayouts/slideLayout201.xml" ContentType="application/vnd.openxmlformats-officedocument.presentationml.slideLayout+xml"/>
  <Override PartName="/ppt/slideLayouts/slideLayout202.xml" ContentType="application/vnd.openxmlformats-officedocument.presentationml.slideLayout+xml"/>
  <Override PartName="/ppt/slideLayouts/slideLayout203.xml" ContentType="application/vnd.openxmlformats-officedocument.presentationml.slideLayout+xml"/>
  <Override PartName="/ppt/slideLayouts/slideLayout204.xml" ContentType="application/vnd.openxmlformats-officedocument.presentationml.slideLayout+xml"/>
  <Override PartName="/ppt/theme/theme19.xml" ContentType="application/vnd.openxmlformats-officedocument.theme+xml"/>
  <Override PartName="/ppt/slideLayouts/slideLayout205.xml" ContentType="application/vnd.openxmlformats-officedocument.presentationml.slideLayout+xml"/>
  <Override PartName="/ppt/slideLayouts/slideLayout206.xml" ContentType="application/vnd.openxmlformats-officedocument.presentationml.slideLayout+xml"/>
  <Override PartName="/ppt/slideLayouts/slideLayout207.xml" ContentType="application/vnd.openxmlformats-officedocument.presentationml.slideLayout+xml"/>
  <Override PartName="/ppt/slideLayouts/slideLayout208.xml" ContentType="application/vnd.openxmlformats-officedocument.presentationml.slideLayout+xml"/>
  <Override PartName="/ppt/slideLayouts/slideLayout209.xml" ContentType="application/vnd.openxmlformats-officedocument.presentationml.slideLayout+xml"/>
  <Override PartName="/ppt/slideLayouts/slideLayout210.xml" ContentType="application/vnd.openxmlformats-officedocument.presentationml.slideLayout+xml"/>
  <Override PartName="/ppt/slideLayouts/slideLayout211.xml" ContentType="application/vnd.openxmlformats-officedocument.presentationml.slideLayout+xml"/>
  <Override PartName="/ppt/slideLayouts/slideLayout212.xml" ContentType="application/vnd.openxmlformats-officedocument.presentationml.slideLayout+xml"/>
  <Override PartName="/ppt/slideLayouts/slideLayout213.xml" ContentType="application/vnd.openxmlformats-officedocument.presentationml.slideLayout+xml"/>
  <Override PartName="/ppt/slideLayouts/slideLayout214.xml" ContentType="application/vnd.openxmlformats-officedocument.presentationml.slideLayout+xml"/>
  <Override PartName="/ppt/slideLayouts/slideLayout215.xml" ContentType="application/vnd.openxmlformats-officedocument.presentationml.slideLayout+xml"/>
  <Override PartName="/ppt/slideLayouts/slideLayout216.xml" ContentType="application/vnd.openxmlformats-officedocument.presentationml.slideLayout+xml"/>
  <Override PartName="/ppt/theme/theme20.xml" ContentType="application/vnd.openxmlformats-officedocument.theme+xml"/>
  <Override PartName="/ppt/slideLayouts/slideLayout217.xml" ContentType="application/vnd.openxmlformats-officedocument.presentationml.slideLayout+xml"/>
  <Override PartName="/ppt/slideLayouts/slideLayout218.xml" ContentType="application/vnd.openxmlformats-officedocument.presentationml.slideLayout+xml"/>
  <Override PartName="/ppt/slideLayouts/slideLayout219.xml" ContentType="application/vnd.openxmlformats-officedocument.presentationml.slideLayout+xml"/>
  <Override PartName="/ppt/slideLayouts/slideLayout220.xml" ContentType="application/vnd.openxmlformats-officedocument.presentationml.slideLayout+xml"/>
  <Override PartName="/ppt/slideLayouts/slideLayout221.xml" ContentType="application/vnd.openxmlformats-officedocument.presentationml.slideLayout+xml"/>
  <Override PartName="/ppt/slideLayouts/slideLayout222.xml" ContentType="application/vnd.openxmlformats-officedocument.presentationml.slideLayout+xml"/>
  <Override PartName="/ppt/theme/theme21.xml" ContentType="application/vnd.openxmlformats-officedocument.theme+xml"/>
  <Override PartName="/ppt/slideLayouts/slideLayout223.xml" ContentType="application/vnd.openxmlformats-officedocument.presentationml.slideLayout+xml"/>
  <Override PartName="/ppt/slideLayouts/slideLayout224.xml" ContentType="application/vnd.openxmlformats-officedocument.presentationml.slideLayout+xml"/>
  <Override PartName="/ppt/slideLayouts/slideLayout225.xml" ContentType="application/vnd.openxmlformats-officedocument.presentationml.slideLayout+xml"/>
  <Override PartName="/ppt/slideLayouts/slideLayout226.xml" ContentType="application/vnd.openxmlformats-officedocument.presentationml.slideLayout+xml"/>
  <Override PartName="/ppt/slideLayouts/slideLayout227.xml" ContentType="application/vnd.openxmlformats-officedocument.presentationml.slideLayout+xml"/>
  <Override PartName="/ppt/slideLayouts/slideLayout228.xml" ContentType="application/vnd.openxmlformats-officedocument.presentationml.slideLayout+xml"/>
  <Override PartName="/ppt/slideLayouts/slideLayout229.xml" ContentType="application/vnd.openxmlformats-officedocument.presentationml.slideLayout+xml"/>
  <Override PartName="/ppt/slideLayouts/slideLayout230.xml" ContentType="application/vnd.openxmlformats-officedocument.presentationml.slideLayout+xml"/>
  <Override PartName="/ppt/slideLayouts/slideLayout231.xml" ContentType="application/vnd.openxmlformats-officedocument.presentationml.slideLayout+xml"/>
  <Override PartName="/ppt/slideLayouts/slideLayout232.xml" ContentType="application/vnd.openxmlformats-officedocument.presentationml.slideLayout+xml"/>
  <Override PartName="/ppt/slideLayouts/slideLayout233.xml" ContentType="application/vnd.openxmlformats-officedocument.presentationml.slideLayout+xml"/>
  <Override PartName="/ppt/slideLayouts/slideLayout234.xml" ContentType="application/vnd.openxmlformats-officedocument.presentationml.slideLayout+xml"/>
  <Override PartName="/ppt/theme/theme22.xml" ContentType="application/vnd.openxmlformats-officedocument.theme+xml"/>
  <Override PartName="/ppt/theme/theme23.xml" ContentType="application/vnd.openxmlformats-officedocument.theme+xml"/>
  <Override PartName="/ppt/theme/theme24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notesSlides/notesSlide3.xml" ContentType="application/vnd.openxmlformats-officedocument.presentationml.notesSlide+xml"/>
  <Override PartName="/ppt/tags/tag2.xml" ContentType="application/vnd.openxmlformats-officedocument.presentationml.tags+xml"/>
  <Override PartName="/ppt/notesSlides/notesSlide4.xml" ContentType="application/vnd.openxmlformats-officedocument.presentationml.notesSlide+xml"/>
  <Override PartName="/ppt/embeddings/oleObject1.bin" ContentType="application/vnd.openxmlformats-officedocument.oleObject"/>
  <Override PartName="/ppt/charts/chart1.xml" ContentType="application/vnd.openxmlformats-officedocument.drawingml.chart+xml"/>
  <Override PartName="/ppt/theme/themeOverride1.xml" ContentType="application/vnd.openxmlformats-officedocument.themeOverride+xml"/>
  <Override PartName="/ppt/drawings/drawing1.xml" ContentType="application/vnd.openxmlformats-officedocument.drawingml.chartshapes+xml"/>
  <Override PartName="/ppt/notesSlides/notesSlide5.xml" ContentType="application/vnd.openxmlformats-officedocument.presentationml.notesSlide+xml"/>
  <Override PartName="/ppt/tags/tag3.xml" ContentType="application/vnd.openxmlformats-officedocument.presentationml.tags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charts/chart2.xml" ContentType="application/vnd.openxmlformats-officedocument.drawingml.chart+xml"/>
  <Override PartName="/ppt/theme/themeOverride2.xml" ContentType="application/vnd.openxmlformats-officedocument.themeOverride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notesSlides/notesSlide8.xml" ContentType="application/vnd.openxmlformats-officedocument.presentationml.notesSlide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notesSlides/notesSlide9.xml" ContentType="application/vnd.openxmlformats-officedocument.presentationml.notesSlide+xml"/>
  <Override PartName="/ppt/embeddings/oleObject2.bin" ContentType="application/vnd.openxmlformats-officedocument.oleObject"/>
  <Override PartName="/ppt/tags/tag8.xml" ContentType="application/vnd.openxmlformats-officedocument.presentationml.tags+xml"/>
  <Override PartName="/ppt/notesSlides/notesSlide10.xml" ContentType="application/vnd.openxmlformats-officedocument.presentationml.notesSlide+xml"/>
  <Override PartName="/ppt/charts/chart3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heme/themeOverride3.xml" ContentType="application/vnd.openxmlformats-officedocument.themeOverride+xml"/>
  <Override PartName="/ppt/drawings/drawing2.xml" ContentType="application/vnd.openxmlformats-officedocument.drawingml.chartshapes+xml"/>
  <Override PartName="/ppt/tags/tag9.xml" ContentType="application/vnd.openxmlformats-officedocument.presentationml.tags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charts/chart4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theme/themeOverride4.xml" ContentType="application/vnd.openxmlformats-officedocument.themeOverride+xml"/>
  <Override PartName="/ppt/drawings/drawing3.xml" ContentType="application/vnd.openxmlformats-officedocument.drawingml.chartshape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notesSlides/notesSlide13.xml" ContentType="application/vnd.openxmlformats-officedocument.presentationml.notesSlide+xml"/>
  <Override PartName="/ppt/embeddings/oleObject3.bin" ContentType="application/vnd.openxmlformats-officedocument.oleObject"/>
  <Override PartName="/ppt/charts/chart5.xml" ContentType="application/vnd.openxmlformats-officedocument.drawingml.chart+xml"/>
  <Override PartName="/ppt/tags/tag32.xml" ContentType="application/vnd.openxmlformats-officedocument.presentationml.tags+xml"/>
  <Override PartName="/ppt/notesSlides/notesSlide14.xml" ContentType="application/vnd.openxmlformats-officedocument.presentationml.notesSlide+xml"/>
  <Override PartName="/ppt/embeddings/oleObject4.bin" ContentType="application/vnd.openxmlformats-officedocument.oleObject"/>
  <Override PartName="/ppt/charts/chart6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theme/themeOverride5.xml" ContentType="application/vnd.openxmlformats-officedocument.themeOverride+xml"/>
  <Override PartName="/ppt/charts/chart7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charts/chart8.xml" ContentType="application/vnd.openxmlformats-officedocument.drawingml.chart+xml"/>
  <Override PartName="/ppt/charts/style5.xml" ContentType="application/vnd.ms-office.chartstyle+xml"/>
  <Override PartName="/ppt/charts/colors5.xml" ContentType="application/vnd.ms-office.chartcolorstyl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autoCompressPictures="0">
  <p:sldMasterIdLst>
    <p:sldMasterId id="2147483698" r:id="rId4"/>
    <p:sldMasterId id="2147483727" r:id="rId5"/>
    <p:sldMasterId id="2147483757" r:id="rId6"/>
    <p:sldMasterId id="2147483706" r:id="rId7"/>
    <p:sldMasterId id="2147483750" r:id="rId8"/>
    <p:sldMasterId id="2147483772" r:id="rId9"/>
    <p:sldMasterId id="2147483785" r:id="rId10"/>
    <p:sldMasterId id="2147483794" r:id="rId11"/>
    <p:sldMasterId id="2147483823" r:id="rId12"/>
    <p:sldMasterId id="2147483833" r:id="rId13"/>
    <p:sldMasterId id="2147483842" r:id="rId14"/>
    <p:sldMasterId id="2147483861" r:id="rId15"/>
    <p:sldMasterId id="2147483871" r:id="rId16"/>
    <p:sldMasterId id="2147483890" r:id="rId17"/>
    <p:sldMasterId id="2147483898" r:id="rId18"/>
    <p:sldMasterId id="2147483910" r:id="rId19"/>
    <p:sldMasterId id="2147483927" r:id="rId20"/>
    <p:sldMasterId id="2147483941" r:id="rId21"/>
    <p:sldMasterId id="2147483953" r:id="rId22"/>
    <p:sldMasterId id="2147483975" r:id="rId23"/>
    <p:sldMasterId id="2147483995" r:id="rId24"/>
    <p:sldMasterId id="2147484002" r:id="rId25"/>
  </p:sldMasterIdLst>
  <p:notesMasterIdLst>
    <p:notesMasterId r:id="rId51"/>
  </p:notesMasterIdLst>
  <p:handoutMasterIdLst>
    <p:handoutMasterId r:id="rId52"/>
  </p:handoutMasterIdLst>
  <p:sldIdLst>
    <p:sldId id="432" r:id="rId26"/>
    <p:sldId id="258" r:id="rId27"/>
    <p:sldId id="256" r:id="rId28"/>
    <p:sldId id="7357" r:id="rId29"/>
    <p:sldId id="7384" r:id="rId30"/>
    <p:sldId id="435" r:id="rId31"/>
    <p:sldId id="2431" r:id="rId32"/>
    <p:sldId id="7385" r:id="rId33"/>
    <p:sldId id="470" r:id="rId34"/>
    <p:sldId id="7386" r:id="rId35"/>
    <p:sldId id="7387" r:id="rId36"/>
    <p:sldId id="7390" r:id="rId37"/>
    <p:sldId id="1238" r:id="rId38"/>
    <p:sldId id="7391" r:id="rId39"/>
    <p:sldId id="480" r:id="rId40"/>
    <p:sldId id="7394" r:id="rId41"/>
    <p:sldId id="7392" r:id="rId42"/>
    <p:sldId id="7393" r:id="rId43"/>
    <p:sldId id="272" r:id="rId44"/>
    <p:sldId id="270" r:id="rId45"/>
    <p:sldId id="2147373328" r:id="rId46"/>
    <p:sldId id="7395" r:id="rId47"/>
    <p:sldId id="3349" r:id="rId48"/>
    <p:sldId id="3350" r:id="rId49"/>
    <p:sldId id="2147373333" r:id="rId50"/>
  </p:sldIdLst>
  <p:sldSz cx="12192000" cy="6858000"/>
  <p:notesSz cx="7010400" cy="9236075"/>
  <p:embeddedFontLst>
    <p:embeddedFont>
      <p:font typeface="Aktiv Grotesk" panose="020B0604020202020204" charset="0"/>
      <p:regular r:id="rId53"/>
      <p:bold r:id="rId54"/>
    </p:embeddedFont>
    <p:embeddedFont>
      <p:font typeface="Aktiv Grotesk Light" panose="020B0604020202020204" charset="0"/>
      <p:regular r:id="rId55"/>
    </p:embeddedFont>
    <p:embeddedFont>
      <p:font typeface="Aktiv Grotesk Medium" panose="020B0604020202020204" charset="0"/>
      <p:regular r:id="rId56"/>
    </p:embeddedFont>
    <p:embeddedFont>
      <p:font typeface="Aktiv Grotesk Thin" panose="020B0604020202020204" charset="0"/>
      <p:regular r:id="rId57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  <p15:guide id="3" orient="horz" pos="2250">
          <p15:clr>
            <a:srgbClr val="A4A3A4"/>
          </p15:clr>
        </p15:guide>
        <p15:guide id="4" orient="horz" pos="206">
          <p15:clr>
            <a:srgbClr val="A4A3A4"/>
          </p15:clr>
        </p15:guide>
        <p15:guide id="5" orient="horz" pos="559">
          <p15:clr>
            <a:srgbClr val="A4A3A4"/>
          </p15:clr>
        </p15:guide>
        <p15:guide id="6" orient="horz" pos="930">
          <p15:clr>
            <a:srgbClr val="A4A3A4"/>
          </p15:clr>
        </p15:guide>
        <p15:guide id="7" orient="horz" pos="3618">
          <p15:clr>
            <a:srgbClr val="A4A3A4"/>
          </p15:clr>
        </p15:guide>
        <p15:guide id="8" orient="horz" pos="3970">
          <p15:clr>
            <a:srgbClr val="A4A3A4"/>
          </p15:clr>
        </p15:guide>
        <p15:guide id="9" orient="horz" pos="4145">
          <p15:clr>
            <a:srgbClr val="A4A3A4"/>
          </p15:clr>
        </p15:guide>
        <p15:guide id="10" orient="horz" pos="970">
          <p15:clr>
            <a:srgbClr val="A4A3A4"/>
          </p15:clr>
        </p15:guide>
        <p15:guide id="11" orient="horz" pos="256">
          <p15:clr>
            <a:srgbClr val="A4A3A4"/>
          </p15:clr>
        </p15:guide>
        <p15:guide id="12" orient="horz" pos="1162">
          <p15:clr>
            <a:srgbClr val="A4A3A4"/>
          </p15:clr>
        </p15:guide>
        <p15:guide id="13" pos="7436">
          <p15:clr>
            <a:srgbClr val="A4A3A4"/>
          </p15:clr>
        </p15:guide>
        <p15:guide id="14" pos="252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909" userDrawn="1">
          <p15:clr>
            <a:srgbClr val="A4A3A4"/>
          </p15:clr>
        </p15:guide>
        <p15:guide id="2" pos="2209" userDrawn="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WAN Amber" initials="WA" lastIdx="9" clrIdx="0">
    <p:extLst>
      <p:ext uri="{19B8F6BF-5375-455C-9EA6-DF929625EA0E}">
        <p15:presenceInfo xmlns:p15="http://schemas.microsoft.com/office/powerpoint/2012/main" userId="S-1-5-21-372464671-2136817329-1307212239-128821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6E6E6"/>
    <a:srgbClr val="FFFFFF"/>
    <a:srgbClr val="1E32FA"/>
    <a:srgbClr val="000000"/>
    <a:srgbClr val="44546A"/>
    <a:srgbClr val="289632"/>
    <a:srgbClr val="5A14A0"/>
    <a:srgbClr val="F04632"/>
    <a:srgbClr val="F046C8"/>
    <a:srgbClr val="FAC8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DCAF9ED-07DC-4A11-8D7F-57B35C25682E}" styleName="Medium Style 1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F2DE63D5-997A-4646-A377-4702673A728D}" styleName="Light Style 2 - Accent 3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</a:tcBdr>
      </a:tcStyle>
    </a:band1H>
    <a:band1V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</a:tcBdr>
      </a:tcStyle>
    </a:band1V>
    <a:band2V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3"/>
        </a:fillRef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AF606853-7671-496A-8E4F-DF71F8EC918B}" styleName="Dark Style 1 - Accent 6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wholeTbl>
    <a:band1H>
      <a:tcStyle>
        <a:tcBdr/>
        <a:fill>
          <a:solidFill>
            <a:schemeClr val="accent6">
              <a:shade val="60000"/>
            </a:schemeClr>
          </a:solidFill>
        </a:fill>
      </a:tcStyle>
    </a:band1H>
    <a:band1V>
      <a:tcStyle>
        <a:tcBdr/>
        <a:fill>
          <a:solidFill>
            <a:schemeClr val="accent6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6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6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6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E929F9F4-4A8F-4326-A1B4-22849713DDAB}" styleName="Dark Style 1 - Accent 4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4"/>
          </a:solidFill>
        </a:fill>
      </a:tcStyle>
    </a:wholeTbl>
    <a:band1H>
      <a:tcStyle>
        <a:tcBdr/>
        <a:fill>
          <a:solidFill>
            <a:schemeClr val="accent4">
              <a:shade val="60000"/>
            </a:schemeClr>
          </a:solidFill>
        </a:fill>
      </a:tcStyle>
    </a:band1H>
    <a:band1V>
      <a:tcStyle>
        <a:tcBdr/>
        <a:fill>
          <a:solidFill>
            <a:schemeClr val="accent4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4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4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4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125E5076-3810-47DD-B79F-674D7AD40C01}" styleName="Dark Style 1 - Accent 1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wholeTbl>
    <a:band1H>
      <a:tcStyle>
        <a:tcBdr/>
        <a:fill>
          <a:solidFill>
            <a:schemeClr val="accent1">
              <a:shade val="60000"/>
            </a:schemeClr>
          </a:solidFill>
        </a:fill>
      </a:tcStyle>
    </a:band1H>
    <a:band1V>
      <a:tcStyle>
        <a:tcBdr/>
        <a:fill>
          <a:solidFill>
            <a:schemeClr val="accent1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1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1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1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017" autoAdjust="0"/>
    <p:restoredTop sz="78012" autoAdjust="0"/>
  </p:normalViewPr>
  <p:slideViewPr>
    <p:cSldViewPr snapToGrid="0" snapToObjects="1">
      <p:cViewPr varScale="1">
        <p:scale>
          <a:sx n="64" d="100"/>
          <a:sy n="64" d="100"/>
        </p:scale>
        <p:origin x="1469" y="67"/>
      </p:cViewPr>
      <p:guideLst>
        <p:guide orient="horz" pos="2160"/>
        <p:guide pos="3840"/>
        <p:guide orient="horz" pos="2250"/>
        <p:guide orient="horz" pos="206"/>
        <p:guide orient="horz" pos="559"/>
        <p:guide orient="horz" pos="930"/>
        <p:guide orient="horz" pos="3618"/>
        <p:guide orient="horz" pos="3970"/>
        <p:guide orient="horz" pos="4145"/>
        <p:guide orient="horz" pos="970"/>
        <p:guide orient="horz" pos="256"/>
        <p:guide orient="horz" pos="1162"/>
        <p:guide pos="7436"/>
        <p:guide pos="252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70" d="100"/>
        <a:sy n="70" d="100"/>
      </p:scale>
      <p:origin x="0" y="-557"/>
    </p:cViewPr>
  </p:sorterViewPr>
  <p:notesViewPr>
    <p:cSldViewPr snapToGrid="0" snapToObjects="1">
      <p:cViewPr varScale="1">
        <p:scale>
          <a:sx n="72" d="100"/>
          <a:sy n="72" d="100"/>
        </p:scale>
        <p:origin x="-453" y="-54"/>
      </p:cViewPr>
      <p:guideLst>
        <p:guide orient="horz" pos="2909"/>
        <p:guide pos="2209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Master" Target="slideMasters/slideMaster10.xml"/><Relationship Id="rId18" Type="http://schemas.openxmlformats.org/officeDocument/2006/relationships/slideMaster" Target="slideMasters/slideMaster15.xml"/><Relationship Id="rId26" Type="http://schemas.openxmlformats.org/officeDocument/2006/relationships/slide" Target="slides/slide1.xml"/><Relationship Id="rId39" Type="http://schemas.openxmlformats.org/officeDocument/2006/relationships/slide" Target="slides/slide14.xml"/><Relationship Id="rId21" Type="http://schemas.openxmlformats.org/officeDocument/2006/relationships/slideMaster" Target="slideMasters/slideMaster18.xml"/><Relationship Id="rId34" Type="http://schemas.openxmlformats.org/officeDocument/2006/relationships/slide" Target="slides/slide9.xml"/><Relationship Id="rId42" Type="http://schemas.openxmlformats.org/officeDocument/2006/relationships/slide" Target="slides/slide17.xml"/><Relationship Id="rId47" Type="http://schemas.openxmlformats.org/officeDocument/2006/relationships/slide" Target="slides/slide22.xml"/><Relationship Id="rId50" Type="http://schemas.openxmlformats.org/officeDocument/2006/relationships/slide" Target="slides/slide25.xml"/><Relationship Id="rId55" Type="http://schemas.openxmlformats.org/officeDocument/2006/relationships/font" Target="fonts/font3.fntdata"/><Relationship Id="rId7" Type="http://schemas.openxmlformats.org/officeDocument/2006/relationships/slideMaster" Target="slideMasters/slideMaster4.xml"/><Relationship Id="rId2" Type="http://schemas.openxmlformats.org/officeDocument/2006/relationships/customXml" Target="../customXml/item2.xml"/><Relationship Id="rId16" Type="http://schemas.openxmlformats.org/officeDocument/2006/relationships/slideMaster" Target="slideMasters/slideMaster13.xml"/><Relationship Id="rId29" Type="http://schemas.openxmlformats.org/officeDocument/2006/relationships/slide" Target="slides/slide4.xml"/><Relationship Id="rId11" Type="http://schemas.openxmlformats.org/officeDocument/2006/relationships/slideMaster" Target="slideMasters/slideMaster8.xml"/><Relationship Id="rId24" Type="http://schemas.openxmlformats.org/officeDocument/2006/relationships/slideMaster" Target="slideMasters/slideMaster21.xml"/><Relationship Id="rId32" Type="http://schemas.openxmlformats.org/officeDocument/2006/relationships/slide" Target="slides/slide7.xml"/><Relationship Id="rId37" Type="http://schemas.openxmlformats.org/officeDocument/2006/relationships/slide" Target="slides/slide12.xml"/><Relationship Id="rId40" Type="http://schemas.openxmlformats.org/officeDocument/2006/relationships/slide" Target="slides/slide15.xml"/><Relationship Id="rId45" Type="http://schemas.openxmlformats.org/officeDocument/2006/relationships/slide" Target="slides/slide20.xml"/><Relationship Id="rId53" Type="http://schemas.openxmlformats.org/officeDocument/2006/relationships/font" Target="fonts/font1.fntdata"/><Relationship Id="rId58" Type="http://schemas.openxmlformats.org/officeDocument/2006/relationships/commentAuthors" Target="commentAuthors.xml"/><Relationship Id="rId5" Type="http://schemas.openxmlformats.org/officeDocument/2006/relationships/slideMaster" Target="slideMasters/slideMaster2.xml"/><Relationship Id="rId61" Type="http://schemas.openxmlformats.org/officeDocument/2006/relationships/theme" Target="theme/theme1.xml"/><Relationship Id="rId19" Type="http://schemas.openxmlformats.org/officeDocument/2006/relationships/slideMaster" Target="slideMasters/slideMaster16.xml"/><Relationship Id="rId14" Type="http://schemas.openxmlformats.org/officeDocument/2006/relationships/slideMaster" Target="slideMasters/slideMaster11.xml"/><Relationship Id="rId22" Type="http://schemas.openxmlformats.org/officeDocument/2006/relationships/slideMaster" Target="slideMasters/slideMaster19.xml"/><Relationship Id="rId27" Type="http://schemas.openxmlformats.org/officeDocument/2006/relationships/slide" Target="slides/slide2.xml"/><Relationship Id="rId30" Type="http://schemas.openxmlformats.org/officeDocument/2006/relationships/slide" Target="slides/slide5.xml"/><Relationship Id="rId35" Type="http://schemas.openxmlformats.org/officeDocument/2006/relationships/slide" Target="slides/slide10.xml"/><Relationship Id="rId43" Type="http://schemas.openxmlformats.org/officeDocument/2006/relationships/slide" Target="slides/slide18.xml"/><Relationship Id="rId48" Type="http://schemas.openxmlformats.org/officeDocument/2006/relationships/slide" Target="slides/slide23.xml"/><Relationship Id="rId56" Type="http://schemas.openxmlformats.org/officeDocument/2006/relationships/font" Target="fonts/font4.fntdata"/><Relationship Id="rId8" Type="http://schemas.openxmlformats.org/officeDocument/2006/relationships/slideMaster" Target="slideMasters/slideMaster5.xml"/><Relationship Id="rId51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12" Type="http://schemas.openxmlformats.org/officeDocument/2006/relationships/slideMaster" Target="slideMasters/slideMaster9.xml"/><Relationship Id="rId17" Type="http://schemas.openxmlformats.org/officeDocument/2006/relationships/slideMaster" Target="slideMasters/slideMaster14.xml"/><Relationship Id="rId25" Type="http://schemas.openxmlformats.org/officeDocument/2006/relationships/slideMaster" Target="slideMasters/slideMaster22.xml"/><Relationship Id="rId33" Type="http://schemas.openxmlformats.org/officeDocument/2006/relationships/slide" Target="slides/slide8.xml"/><Relationship Id="rId38" Type="http://schemas.openxmlformats.org/officeDocument/2006/relationships/slide" Target="slides/slide13.xml"/><Relationship Id="rId46" Type="http://schemas.openxmlformats.org/officeDocument/2006/relationships/slide" Target="slides/slide21.xml"/><Relationship Id="rId59" Type="http://schemas.openxmlformats.org/officeDocument/2006/relationships/presProps" Target="presProps.xml"/><Relationship Id="rId20" Type="http://schemas.openxmlformats.org/officeDocument/2006/relationships/slideMaster" Target="slideMasters/slideMaster17.xml"/><Relationship Id="rId41" Type="http://schemas.openxmlformats.org/officeDocument/2006/relationships/slide" Target="slides/slide16.xml"/><Relationship Id="rId54" Type="http://schemas.openxmlformats.org/officeDocument/2006/relationships/font" Target="fonts/font2.fntdata"/><Relationship Id="rId62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5" Type="http://schemas.openxmlformats.org/officeDocument/2006/relationships/slideMaster" Target="slideMasters/slideMaster12.xml"/><Relationship Id="rId23" Type="http://schemas.openxmlformats.org/officeDocument/2006/relationships/slideMaster" Target="slideMasters/slideMaster20.xml"/><Relationship Id="rId28" Type="http://schemas.openxmlformats.org/officeDocument/2006/relationships/slide" Target="slides/slide3.xml"/><Relationship Id="rId36" Type="http://schemas.openxmlformats.org/officeDocument/2006/relationships/slide" Target="slides/slide11.xml"/><Relationship Id="rId49" Type="http://schemas.openxmlformats.org/officeDocument/2006/relationships/slide" Target="slides/slide24.xml"/><Relationship Id="rId57" Type="http://schemas.openxmlformats.org/officeDocument/2006/relationships/font" Target="fonts/font5.fntdata"/><Relationship Id="rId10" Type="http://schemas.openxmlformats.org/officeDocument/2006/relationships/slideMaster" Target="slideMasters/slideMaster7.xml"/><Relationship Id="rId31" Type="http://schemas.openxmlformats.org/officeDocument/2006/relationships/slide" Target="slides/slide6.xml"/><Relationship Id="rId44" Type="http://schemas.openxmlformats.org/officeDocument/2006/relationships/slide" Target="slides/slide19.xml"/><Relationship Id="rId52" Type="http://schemas.openxmlformats.org/officeDocument/2006/relationships/handoutMaster" Target="handoutMasters/handoutMaster1.xml"/><Relationship Id="rId6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slideMaster" Target="slideMasters/slideMaster6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chartUserShapes" Target="../drawings/drawing1.xml"/><Relationship Id="rId2" Type="http://schemas.openxmlformats.org/officeDocument/2006/relationships/package" Target="../embeddings/Microsoft_Excel_Worksheet.xlsx"/><Relationship Id="rId1" Type="http://schemas.openxmlformats.org/officeDocument/2006/relationships/themeOverride" Target="../theme/themeOverride1.xml"/></Relationships>
</file>

<file path=ppt/charts/_rels/chart2.xml.rels><?xml version="1.0" encoding="UTF-8" standalone="yes"?>
<Relationships xmlns="http://schemas.openxmlformats.org/package/2006/relationships"><Relationship Id="rId2" Type="http://schemas.openxmlformats.org/officeDocument/2006/relationships/oleObject" Target="file:///\\corp.ad.iata.org\iata$\DEPT\GVA\DG-ECON\Airline%20performance\Fuel%20Price%20Monitor\JFPM\JFPMmaster2.2_150219_AV_2.xlsm" TargetMode="External"/><Relationship Id="rId1" Type="http://schemas.openxmlformats.org/officeDocument/2006/relationships/themeOverride" Target="../theme/themeOverride2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3.xml"/><Relationship Id="rId2" Type="http://schemas.microsoft.com/office/2011/relationships/chartColorStyle" Target="colors1.xml"/><Relationship Id="rId1" Type="http://schemas.microsoft.com/office/2011/relationships/chartStyle" Target="style1.xml"/><Relationship Id="rId5" Type="http://schemas.openxmlformats.org/officeDocument/2006/relationships/chartUserShapes" Target="../drawings/drawing2.xml"/><Relationship Id="rId4" Type="http://schemas.openxmlformats.org/officeDocument/2006/relationships/oleObject" Target="file:///\\corp.ad.iata.org\iata$\DEPT\GVA\DG-ECON\Market%20analysis\IATA%20Regions%20Analysis\2022\01%20January\Regional%20monitor%20-%20Master%20-%20January%202022.xlsx" TargetMode="External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4.xml"/><Relationship Id="rId2" Type="http://schemas.microsoft.com/office/2011/relationships/chartColorStyle" Target="colors2.xml"/><Relationship Id="rId1" Type="http://schemas.microsoft.com/office/2011/relationships/chartStyle" Target="style2.xml"/><Relationship Id="rId5" Type="http://schemas.openxmlformats.org/officeDocument/2006/relationships/chartUserShapes" Target="../drawings/drawing3.xml"/><Relationship Id="rId4" Type="http://schemas.openxmlformats.org/officeDocument/2006/relationships/oleObject" Target="file:///C:\Users\matoulkovk\Downloads\multiTimeline%20(3).csv" TargetMode="External"/></Relationships>
</file>

<file path=ppt/charts/_rels/chart5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Binary_Worksheet.xlsb"/></Relationships>
</file>

<file path=ppt/charts/_rels/chart6.xml.rels><?xml version="1.0" encoding="UTF-8" standalone="yes"?>
<Relationships xmlns="http://schemas.openxmlformats.org/package/2006/relationships"><Relationship Id="rId3" Type="http://schemas.openxmlformats.org/officeDocument/2006/relationships/themeOverride" Target="../theme/themeOverride5.xml"/><Relationship Id="rId2" Type="http://schemas.microsoft.com/office/2011/relationships/chartColorStyle" Target="colors3.xml"/><Relationship Id="rId1" Type="http://schemas.microsoft.com/office/2011/relationships/chartStyle" Target="style3.xml"/><Relationship Id="rId4" Type="http://schemas.openxmlformats.org/officeDocument/2006/relationships/package" Target="../embeddings/Microsoft_Excel_Worksheet1.xlsx"/></Relationships>
</file>

<file path=ppt/charts/_rels/chart7.xml.rels><?xml version="1.0" encoding="UTF-8" standalone="yes"?>
<Relationships xmlns="http://schemas.openxmlformats.org/package/2006/relationships"><Relationship Id="rId3" Type="http://schemas.openxmlformats.org/officeDocument/2006/relationships/oleObject" Target="file:///C:\Users\ciuperceae\Desktop\ELENA%20C\APJC%20&amp;%20LCAG\2018-2021%20Data%20Graphs.xlsx" TargetMode="External"/><Relationship Id="rId2" Type="http://schemas.microsoft.com/office/2011/relationships/chartColorStyle" Target="colors4.xml"/><Relationship Id="rId1" Type="http://schemas.microsoft.com/office/2011/relationships/chartStyle" Target="style4.xml"/></Relationships>
</file>

<file path=ppt/charts/_rels/chart8.xml.rels><?xml version="1.0" encoding="UTF-8" standalone="yes"?>
<Relationships xmlns="http://schemas.openxmlformats.org/package/2006/relationships"><Relationship Id="rId3" Type="http://schemas.openxmlformats.org/officeDocument/2006/relationships/oleObject" Target="file:///C:\Users\ciuperceae\Desktop\ELENA%20C\FDS\BSP%20STATS%20&amp;%20OTHER%20DATA\BSP%20UK%20&amp;%20IE%202019-YTD%20Data%20Graphs.xlsx" TargetMode="External"/><Relationship Id="rId2" Type="http://schemas.microsoft.com/office/2011/relationships/chartColorStyle" Target="colors5.xml"/><Relationship Id="rId1" Type="http://schemas.microsoft.com/office/2011/relationships/chartStyle" Target="style5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600" b="0" i="0" u="none" strike="noStrike" kern="1200" spc="0" baseline="0">
                <a:solidFill>
                  <a:sysClr val="windowText" lastClr="000000"/>
                </a:solidFill>
                <a:latin typeface="+mn-lt"/>
                <a:ea typeface="+mn-ea"/>
                <a:cs typeface="+mn-cs"/>
              </a:defRPr>
            </a:pPr>
            <a:r>
              <a:rPr lang="en-US" sz="1600">
                <a:solidFill>
                  <a:sysClr val="windowText" lastClr="000000"/>
                </a:solidFill>
              </a:rPr>
              <a:t>Global O-D passengers, billion</a:t>
            </a:r>
          </a:p>
        </c:rich>
      </c:tx>
      <c:layout>
        <c:manualLayout>
          <c:xMode val="edge"/>
          <c:yMode val="edge"/>
          <c:x val="4.998398162516788E-2"/>
          <c:y val="9.2592592592592587E-3"/>
        </c:manualLayout>
      </c:layout>
      <c:overlay val="0"/>
      <c:spPr>
        <a:noFill/>
        <a:ln>
          <a:noFill/>
        </a:ln>
        <a:effectLst/>
      </c:spPr>
    </c:title>
    <c:autoTitleDeleted val="0"/>
    <c:plotArea>
      <c:layout>
        <c:manualLayout>
          <c:layoutTarget val="inner"/>
          <c:xMode val="edge"/>
          <c:yMode val="edge"/>
          <c:x val="4.8905136097647163E-2"/>
          <c:y val="8.4229184893554979E-2"/>
          <c:w val="0.88482735278528135"/>
          <c:h val="0.82783808060015673"/>
        </c:manualLayout>
      </c:layout>
      <c:lineChart>
        <c:grouping val="standard"/>
        <c:varyColors val="0"/>
        <c:ser>
          <c:idx val="1"/>
          <c:order val="0"/>
          <c:tx>
            <c:strRef>
              <c:f>'Revised 5yr'!$A$9</c:f>
              <c:strCache>
                <c:ptCount val="1"/>
                <c:pt idx="0">
                  <c:v>Nov 2021 forecast</c:v>
                </c:pt>
              </c:strCache>
            </c:strRef>
          </c:tx>
          <c:spPr>
            <a:ln w="38100">
              <a:solidFill>
                <a:schemeClr val="accent1"/>
              </a:solidFill>
            </a:ln>
          </c:spPr>
          <c:marker>
            <c:symbol val="none"/>
          </c:marker>
          <c:cat>
            <c:numRef>
              <c:f>'Revised 5yr'!$N$1:$Z$1</c:f>
              <c:numCache>
                <c:formatCode>General</c:formatCode>
                <c:ptCount val="13"/>
                <c:pt idx="0">
                  <c:v>2018</c:v>
                </c:pt>
                <c:pt idx="1">
                  <c:v>2019</c:v>
                </c:pt>
                <c:pt idx="2">
                  <c:v>2020</c:v>
                </c:pt>
                <c:pt idx="3">
                  <c:v>2021</c:v>
                </c:pt>
                <c:pt idx="4">
                  <c:v>2022</c:v>
                </c:pt>
                <c:pt idx="5">
                  <c:v>2023</c:v>
                </c:pt>
                <c:pt idx="6">
                  <c:v>2024</c:v>
                </c:pt>
                <c:pt idx="7">
                  <c:v>2025</c:v>
                </c:pt>
                <c:pt idx="8">
                  <c:v>2026</c:v>
                </c:pt>
                <c:pt idx="9">
                  <c:v>2027</c:v>
                </c:pt>
                <c:pt idx="10">
                  <c:v>2028</c:v>
                </c:pt>
                <c:pt idx="11">
                  <c:v>2029</c:v>
                </c:pt>
                <c:pt idx="12">
                  <c:v>2030</c:v>
                </c:pt>
              </c:numCache>
            </c:numRef>
          </c:cat>
          <c:val>
            <c:numRef>
              <c:f>'Revised 5yr'!$N$9:$Z$9</c:f>
              <c:numCache>
                <c:formatCode>_(* #,##0_);_(* \(#,##0\);_(* "-"??_);_(@_)</c:formatCode>
                <c:ptCount val="13"/>
                <c:pt idx="0">
                  <c:v>3758954</c:v>
                </c:pt>
                <c:pt idx="1">
                  <c:v>3901690</c:v>
                </c:pt>
                <c:pt idx="2">
                  <c:v>1516260</c:v>
                </c:pt>
                <c:pt idx="3">
                  <c:v>1875580</c:v>
                </c:pt>
                <c:pt idx="4">
                  <c:v>3170640</c:v>
                </c:pt>
                <c:pt idx="5">
                  <c:v>3775620</c:v>
                </c:pt>
                <c:pt idx="6">
                  <c:v>4083410</c:v>
                </c:pt>
                <c:pt idx="7">
                  <c:v>4342480</c:v>
                </c:pt>
                <c:pt idx="8">
                  <c:v>4591650</c:v>
                </c:pt>
                <c:pt idx="9">
                  <c:v>4825990</c:v>
                </c:pt>
                <c:pt idx="10">
                  <c:v>5055170</c:v>
                </c:pt>
                <c:pt idx="11">
                  <c:v>5282120</c:v>
                </c:pt>
                <c:pt idx="12">
                  <c:v>550109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6A68-4A62-9AA8-F33FFC1E7935}"/>
            </c:ext>
          </c:extLst>
        </c:ser>
        <c:ser>
          <c:idx val="2"/>
          <c:order val="1"/>
          <c:tx>
            <c:strRef>
              <c:f>'Revised 5yr'!$A$10</c:f>
              <c:strCache>
                <c:ptCount val="1"/>
                <c:pt idx="0">
                  <c:v>March 2022 forecast</c:v>
                </c:pt>
              </c:strCache>
            </c:strRef>
          </c:tx>
          <c:spPr>
            <a:ln w="38100">
              <a:solidFill>
                <a:schemeClr val="accent2"/>
              </a:solidFill>
            </a:ln>
          </c:spPr>
          <c:marker>
            <c:symbol val="none"/>
          </c:marker>
          <c:cat>
            <c:numRef>
              <c:f>'Revised 5yr'!$N$1:$Z$1</c:f>
              <c:numCache>
                <c:formatCode>General</c:formatCode>
                <c:ptCount val="13"/>
                <c:pt idx="0">
                  <c:v>2018</c:v>
                </c:pt>
                <c:pt idx="1">
                  <c:v>2019</c:v>
                </c:pt>
                <c:pt idx="2">
                  <c:v>2020</c:v>
                </c:pt>
                <c:pt idx="3">
                  <c:v>2021</c:v>
                </c:pt>
                <c:pt idx="4">
                  <c:v>2022</c:v>
                </c:pt>
                <c:pt idx="5">
                  <c:v>2023</c:v>
                </c:pt>
                <c:pt idx="6">
                  <c:v>2024</c:v>
                </c:pt>
                <c:pt idx="7">
                  <c:v>2025</c:v>
                </c:pt>
                <c:pt idx="8">
                  <c:v>2026</c:v>
                </c:pt>
                <c:pt idx="9">
                  <c:v>2027</c:v>
                </c:pt>
                <c:pt idx="10">
                  <c:v>2028</c:v>
                </c:pt>
                <c:pt idx="11">
                  <c:v>2029</c:v>
                </c:pt>
                <c:pt idx="12">
                  <c:v>2030</c:v>
                </c:pt>
              </c:numCache>
            </c:numRef>
          </c:cat>
          <c:val>
            <c:numRef>
              <c:f>'Revised 5yr'!$N$10:$Z$10</c:f>
              <c:numCache>
                <c:formatCode>_(* #,##0_);_(* \(#,##0\);_(* "-"??_);_(@_)</c:formatCode>
                <c:ptCount val="13"/>
                <c:pt idx="0">
                  <c:v>3758950</c:v>
                </c:pt>
                <c:pt idx="1">
                  <c:v>3901686</c:v>
                </c:pt>
                <c:pt idx="2">
                  <c:v>1533550</c:v>
                </c:pt>
                <c:pt idx="3">
                  <c:v>1830654</c:v>
                </c:pt>
                <c:pt idx="4">
                  <c:v>3230536</c:v>
                </c:pt>
                <c:pt idx="5">
                  <c:v>3673554</c:v>
                </c:pt>
                <c:pt idx="6">
                  <c:v>4026749</c:v>
                </c:pt>
                <c:pt idx="7">
                  <c:v>4332212</c:v>
                </c:pt>
                <c:pt idx="8">
                  <c:v>4612326</c:v>
                </c:pt>
                <c:pt idx="9">
                  <c:v>4875013</c:v>
                </c:pt>
                <c:pt idx="10">
                  <c:v>5120234</c:v>
                </c:pt>
                <c:pt idx="11">
                  <c:v>5363973</c:v>
                </c:pt>
                <c:pt idx="12">
                  <c:v>5603912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6A68-4A62-9AA8-F33FFC1E7935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2092926984"/>
        <c:axId val="2092930264"/>
      </c:lineChart>
      <c:catAx>
        <c:axId val="2092926984"/>
        <c:scaling>
          <c:orientation val="minMax"/>
        </c:scaling>
        <c:delete val="0"/>
        <c:axPos val="b"/>
        <c:numFmt formatCode="General" sourceLinked="1"/>
        <c:majorTickMark val="out"/>
        <c:minorTickMark val="none"/>
        <c:tickLblPos val="nextTo"/>
        <c:spPr>
          <a:noFill/>
          <a:ln w="9525" cap="flat" cmpd="sng" algn="ctr">
            <a:solidFill>
              <a:schemeClr val="tx1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600" b="0" i="0" u="none" strike="noStrike" kern="1200" baseline="0">
                <a:solidFill>
                  <a:sysClr val="windowText" lastClr="000000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092930264"/>
        <c:crosses val="autoZero"/>
        <c:auto val="1"/>
        <c:lblAlgn val="ctr"/>
        <c:lblOffset val="100"/>
        <c:tickLblSkip val="2"/>
        <c:noMultiLvlLbl val="0"/>
      </c:catAx>
      <c:valAx>
        <c:axId val="2092930264"/>
        <c:scaling>
          <c:orientation val="minMax"/>
          <c:max val="6000000"/>
        </c:scaling>
        <c:delete val="0"/>
        <c:axPos val="l"/>
        <c:numFmt formatCode="#,##0" sourceLinked="0"/>
        <c:majorTickMark val="out"/>
        <c:minorTickMark val="none"/>
        <c:tickLblPos val="nextTo"/>
        <c:spPr>
          <a:noFill/>
          <a:ln>
            <a:solidFill>
              <a:schemeClr val="tx1"/>
            </a:solidFill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600" b="0" i="0" u="none" strike="noStrike" kern="1200" baseline="0">
                <a:solidFill>
                  <a:sysClr val="windowText" lastClr="000000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092926984"/>
        <c:crosses val="autoZero"/>
        <c:crossBetween val="between"/>
        <c:dispUnits>
          <c:builtInUnit val="millions"/>
        </c:dispUnits>
      </c:valAx>
    </c:plotArea>
    <c:legend>
      <c:legendPos val="r"/>
      <c:layout>
        <c:manualLayout>
          <c:xMode val="edge"/>
          <c:yMode val="edge"/>
          <c:x val="0.10014530954311975"/>
          <c:y val="8.8768591426071713E-2"/>
          <c:w val="0.61149161403486363"/>
          <c:h val="8.6922207640711582E-2"/>
        </c:manualLayout>
      </c:layout>
      <c:overlay val="0"/>
      <c:txPr>
        <a:bodyPr/>
        <a:lstStyle/>
        <a:p>
          <a:pPr>
            <a:defRPr sz="1600"/>
          </a:pPr>
          <a:endParaRPr lang="en-US"/>
        </a:p>
      </c:txPr>
    </c:legend>
    <c:plotVisOnly val="1"/>
    <c:dispBlanksAs val="gap"/>
    <c:showDLblsOverMax val="0"/>
    <c:extLst/>
  </c:chart>
  <c:spPr>
    <a:noFill/>
    <a:ln w="9525" cap="flat" cmpd="sng" algn="ctr">
      <a:noFill/>
      <a:round/>
    </a:ln>
    <a:effectLst/>
  </c:spPr>
  <c:txPr>
    <a:bodyPr/>
    <a:lstStyle/>
    <a:p>
      <a:pPr>
        <a:defRPr/>
      </a:pPr>
      <a:endParaRPr lang="en-US"/>
    </a:p>
  </c:txPr>
  <c:externalData r:id="rId2">
    <c:autoUpdate val="0"/>
  </c:externalData>
  <c:userShapes r:id="rId3"/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/>
          <a:lstStyle/>
          <a:p>
            <a:pPr algn="l">
              <a:defRPr sz="2600" b="1" i="0" u="none" strike="noStrike" baseline="0">
                <a:solidFill>
                  <a:srgbClr val="808080"/>
                </a:solidFill>
                <a:latin typeface="Arial"/>
                <a:ea typeface="Arial"/>
                <a:cs typeface="Arial"/>
              </a:defRPr>
            </a:pPr>
            <a:r>
              <a:rPr lang="en-US" sz="1400" b="1" i="0" baseline="0">
                <a:solidFill>
                  <a:sysClr val="windowText" lastClr="000000"/>
                </a:solidFill>
                <a:effectLst/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Jet Fuel &amp; Crude Oil Price ($/barrel)</a:t>
            </a:r>
            <a:endParaRPr lang="en-US" sz="1400" baseline="0">
              <a:solidFill>
                <a:sysClr val="windowText" lastClr="000000"/>
              </a:solidFill>
              <a:effectLst/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</c:rich>
      </c:tx>
      <c:layout>
        <c:manualLayout>
          <c:xMode val="edge"/>
          <c:yMode val="edge"/>
          <c:x val="5.1805402870238552E-3"/>
          <c:y val="1.9816058415041443E-2"/>
        </c:manualLayout>
      </c:layout>
      <c:overlay val="0"/>
      <c:spPr>
        <a:noFill/>
        <a:ln w="25400">
          <a:noFill/>
        </a:ln>
      </c:spPr>
    </c:title>
    <c:autoTitleDeleted val="0"/>
    <c:plotArea>
      <c:layout>
        <c:manualLayout>
          <c:layoutTarget val="inner"/>
          <c:xMode val="edge"/>
          <c:yMode val="edge"/>
          <c:x val="5.9060609048680844E-2"/>
          <c:y val="9.4244270136894612E-2"/>
          <c:w val="0.90909245430831476"/>
          <c:h val="0.70947456499817629"/>
        </c:manualLayout>
      </c:layout>
      <c:lineChart>
        <c:grouping val="standard"/>
        <c:varyColors val="0"/>
        <c:ser>
          <c:idx val="0"/>
          <c:order val="0"/>
          <c:tx>
            <c:v>Jet Fuel Price</c:v>
          </c:tx>
          <c:spPr>
            <a:ln w="38100">
              <a:solidFill>
                <a:srgbClr val="1E32FA"/>
              </a:solidFill>
            </a:ln>
          </c:spPr>
          <c:marker>
            <c:symbol val="none"/>
          </c:marker>
          <c:cat>
            <c:numRef>
              <c:f>'LC JFP'!$B$469:$B$1095</c:f>
              <c:numCache>
                <c:formatCode>ddd\,\ d\ mmm\ yy</c:formatCode>
                <c:ptCount val="627"/>
                <c:pt idx="0">
                  <c:v>40550</c:v>
                </c:pt>
                <c:pt idx="1">
                  <c:v>40557</c:v>
                </c:pt>
                <c:pt idx="2">
                  <c:v>40564</c:v>
                </c:pt>
                <c:pt idx="3">
                  <c:v>40571</c:v>
                </c:pt>
                <c:pt idx="4">
                  <c:v>40578</c:v>
                </c:pt>
                <c:pt idx="5">
                  <c:v>40585</c:v>
                </c:pt>
                <c:pt idx="6">
                  <c:v>40592</c:v>
                </c:pt>
                <c:pt idx="7">
                  <c:v>40599</c:v>
                </c:pt>
                <c:pt idx="8">
                  <c:v>40606</c:v>
                </c:pt>
                <c:pt idx="9">
                  <c:v>40613</c:v>
                </c:pt>
                <c:pt idx="10">
                  <c:v>40620</c:v>
                </c:pt>
                <c:pt idx="11">
                  <c:v>40627</c:v>
                </c:pt>
                <c:pt idx="12">
                  <c:v>40634</c:v>
                </c:pt>
                <c:pt idx="13">
                  <c:v>40641</c:v>
                </c:pt>
                <c:pt idx="14">
                  <c:v>40648</c:v>
                </c:pt>
                <c:pt idx="15">
                  <c:v>40655</c:v>
                </c:pt>
                <c:pt idx="16">
                  <c:v>40662</c:v>
                </c:pt>
                <c:pt idx="17">
                  <c:v>40669</c:v>
                </c:pt>
                <c:pt idx="18">
                  <c:v>40676</c:v>
                </c:pt>
                <c:pt idx="19">
                  <c:v>40683</c:v>
                </c:pt>
                <c:pt idx="20">
                  <c:v>40690</c:v>
                </c:pt>
                <c:pt idx="21">
                  <c:v>40697</c:v>
                </c:pt>
                <c:pt idx="22">
                  <c:v>40704</c:v>
                </c:pt>
                <c:pt idx="23">
                  <c:v>40711</c:v>
                </c:pt>
                <c:pt idx="24">
                  <c:v>40718</c:v>
                </c:pt>
                <c:pt idx="25">
                  <c:v>40725</c:v>
                </c:pt>
                <c:pt idx="26">
                  <c:v>40732</c:v>
                </c:pt>
                <c:pt idx="27">
                  <c:v>40739</c:v>
                </c:pt>
                <c:pt idx="28">
                  <c:v>40746</c:v>
                </c:pt>
                <c:pt idx="29">
                  <c:v>40753</c:v>
                </c:pt>
                <c:pt idx="30">
                  <c:v>40760</c:v>
                </c:pt>
                <c:pt idx="31">
                  <c:v>40767</c:v>
                </c:pt>
                <c:pt idx="32">
                  <c:v>40774</c:v>
                </c:pt>
                <c:pt idx="33">
                  <c:v>40781</c:v>
                </c:pt>
                <c:pt idx="34">
                  <c:v>40788</c:v>
                </c:pt>
                <c:pt idx="35">
                  <c:v>40795</c:v>
                </c:pt>
                <c:pt idx="36">
                  <c:v>40802</c:v>
                </c:pt>
                <c:pt idx="37">
                  <c:v>40809</c:v>
                </c:pt>
                <c:pt idx="38">
                  <c:v>40816</c:v>
                </c:pt>
                <c:pt idx="39">
                  <c:v>40823</c:v>
                </c:pt>
                <c:pt idx="40">
                  <c:v>40830</c:v>
                </c:pt>
                <c:pt idx="41">
                  <c:v>40837</c:v>
                </c:pt>
                <c:pt idx="42">
                  <c:v>40844</c:v>
                </c:pt>
                <c:pt idx="43">
                  <c:v>40851</c:v>
                </c:pt>
                <c:pt idx="44">
                  <c:v>40858</c:v>
                </c:pt>
                <c:pt idx="45">
                  <c:v>40865</c:v>
                </c:pt>
                <c:pt idx="46">
                  <c:v>40872</c:v>
                </c:pt>
                <c:pt idx="47">
                  <c:v>40879</c:v>
                </c:pt>
                <c:pt idx="48">
                  <c:v>40886</c:v>
                </c:pt>
                <c:pt idx="49">
                  <c:v>40893</c:v>
                </c:pt>
                <c:pt idx="50">
                  <c:v>40900</c:v>
                </c:pt>
                <c:pt idx="51">
                  <c:v>40907</c:v>
                </c:pt>
                <c:pt idx="52">
                  <c:v>40914</c:v>
                </c:pt>
                <c:pt idx="53">
                  <c:v>40921</c:v>
                </c:pt>
                <c:pt idx="54">
                  <c:v>40928</c:v>
                </c:pt>
                <c:pt idx="55">
                  <c:v>40935</c:v>
                </c:pt>
                <c:pt idx="56">
                  <c:v>40942</c:v>
                </c:pt>
                <c:pt idx="57">
                  <c:v>40949</c:v>
                </c:pt>
                <c:pt idx="58">
                  <c:v>40956</c:v>
                </c:pt>
                <c:pt idx="59">
                  <c:v>40963</c:v>
                </c:pt>
                <c:pt idx="60">
                  <c:v>40970</c:v>
                </c:pt>
                <c:pt idx="61">
                  <c:v>40977</c:v>
                </c:pt>
                <c:pt idx="62">
                  <c:v>40984</c:v>
                </c:pt>
                <c:pt idx="63">
                  <c:v>40991</c:v>
                </c:pt>
                <c:pt idx="64">
                  <c:v>40998</c:v>
                </c:pt>
                <c:pt idx="65">
                  <c:v>41005</c:v>
                </c:pt>
                <c:pt idx="66">
                  <c:v>41012</c:v>
                </c:pt>
                <c:pt idx="67">
                  <c:v>41019</c:v>
                </c:pt>
                <c:pt idx="68">
                  <c:v>41026</c:v>
                </c:pt>
                <c:pt idx="69">
                  <c:v>41033</c:v>
                </c:pt>
                <c:pt idx="70">
                  <c:v>41040</c:v>
                </c:pt>
                <c:pt idx="71">
                  <c:v>41047</c:v>
                </c:pt>
                <c:pt idx="72">
                  <c:v>41054</c:v>
                </c:pt>
                <c:pt idx="73">
                  <c:v>41061</c:v>
                </c:pt>
                <c:pt idx="74">
                  <c:v>41068</c:v>
                </c:pt>
                <c:pt idx="75">
                  <c:v>41075</c:v>
                </c:pt>
                <c:pt idx="76">
                  <c:v>41082</c:v>
                </c:pt>
                <c:pt idx="77">
                  <c:v>41089</c:v>
                </c:pt>
                <c:pt idx="78">
                  <c:v>41096</c:v>
                </c:pt>
                <c:pt idx="79">
                  <c:v>41103</c:v>
                </c:pt>
                <c:pt idx="80">
                  <c:v>41110</c:v>
                </c:pt>
                <c:pt idx="81">
                  <c:v>41117</c:v>
                </c:pt>
                <c:pt idx="82">
                  <c:v>41124</c:v>
                </c:pt>
                <c:pt idx="83">
                  <c:v>41131</c:v>
                </c:pt>
                <c:pt idx="84">
                  <c:v>41138</c:v>
                </c:pt>
                <c:pt idx="85">
                  <c:v>41145</c:v>
                </c:pt>
                <c:pt idx="86">
                  <c:v>41152</c:v>
                </c:pt>
                <c:pt idx="87">
                  <c:v>41159</c:v>
                </c:pt>
                <c:pt idx="88">
                  <c:v>41166</c:v>
                </c:pt>
                <c:pt idx="89">
                  <c:v>41173</c:v>
                </c:pt>
                <c:pt idx="90">
                  <c:v>41180</c:v>
                </c:pt>
                <c:pt idx="91">
                  <c:v>41187</c:v>
                </c:pt>
                <c:pt idx="92">
                  <c:v>41194</c:v>
                </c:pt>
                <c:pt idx="93">
                  <c:v>41201</c:v>
                </c:pt>
                <c:pt idx="94">
                  <c:v>41208</c:v>
                </c:pt>
                <c:pt idx="95">
                  <c:v>41215</c:v>
                </c:pt>
                <c:pt idx="96">
                  <c:v>41222</c:v>
                </c:pt>
                <c:pt idx="97">
                  <c:v>41229</c:v>
                </c:pt>
                <c:pt idx="98">
                  <c:v>41236</c:v>
                </c:pt>
                <c:pt idx="99">
                  <c:v>41243</c:v>
                </c:pt>
                <c:pt idx="100">
                  <c:v>41250</c:v>
                </c:pt>
                <c:pt idx="101">
                  <c:v>41257</c:v>
                </c:pt>
                <c:pt idx="102">
                  <c:v>41264</c:v>
                </c:pt>
                <c:pt idx="103">
                  <c:v>41271</c:v>
                </c:pt>
                <c:pt idx="104">
                  <c:v>41278</c:v>
                </c:pt>
                <c:pt idx="105">
                  <c:v>41285</c:v>
                </c:pt>
                <c:pt idx="106">
                  <c:v>41292</c:v>
                </c:pt>
                <c:pt idx="107">
                  <c:v>41299</c:v>
                </c:pt>
                <c:pt idx="108">
                  <c:v>41306</c:v>
                </c:pt>
                <c:pt idx="109">
                  <c:v>41313</c:v>
                </c:pt>
                <c:pt idx="110">
                  <c:v>41320</c:v>
                </c:pt>
                <c:pt idx="111">
                  <c:v>41327</c:v>
                </c:pt>
                <c:pt idx="112">
                  <c:v>41334</c:v>
                </c:pt>
                <c:pt idx="113">
                  <c:v>41341</c:v>
                </c:pt>
                <c:pt idx="114">
                  <c:v>41348</c:v>
                </c:pt>
                <c:pt idx="115">
                  <c:v>41355</c:v>
                </c:pt>
                <c:pt idx="116">
                  <c:v>41362</c:v>
                </c:pt>
                <c:pt idx="117">
                  <c:v>41369</c:v>
                </c:pt>
                <c:pt idx="118">
                  <c:v>41376</c:v>
                </c:pt>
                <c:pt idx="119">
                  <c:v>41383</c:v>
                </c:pt>
                <c:pt idx="120">
                  <c:v>41390</c:v>
                </c:pt>
                <c:pt idx="121">
                  <c:v>41397</c:v>
                </c:pt>
                <c:pt idx="122">
                  <c:v>41404</c:v>
                </c:pt>
                <c:pt idx="123">
                  <c:v>41411</c:v>
                </c:pt>
                <c:pt idx="124">
                  <c:v>41418</c:v>
                </c:pt>
                <c:pt idx="125">
                  <c:v>41425</c:v>
                </c:pt>
                <c:pt idx="126">
                  <c:v>41432</c:v>
                </c:pt>
                <c:pt idx="127">
                  <c:v>41439</c:v>
                </c:pt>
                <c:pt idx="128">
                  <c:v>41446</c:v>
                </c:pt>
                <c:pt idx="129">
                  <c:v>41453</c:v>
                </c:pt>
                <c:pt idx="130">
                  <c:v>41460</c:v>
                </c:pt>
                <c:pt idx="131">
                  <c:v>41467</c:v>
                </c:pt>
                <c:pt idx="132">
                  <c:v>41474</c:v>
                </c:pt>
                <c:pt idx="133">
                  <c:v>41481</c:v>
                </c:pt>
                <c:pt idx="134">
                  <c:v>41488</c:v>
                </c:pt>
                <c:pt idx="135">
                  <c:v>41495</c:v>
                </c:pt>
                <c:pt idx="136">
                  <c:v>41502</c:v>
                </c:pt>
                <c:pt idx="137">
                  <c:v>41509</c:v>
                </c:pt>
                <c:pt idx="138">
                  <c:v>41516</c:v>
                </c:pt>
                <c:pt idx="139">
                  <c:v>41523</c:v>
                </c:pt>
                <c:pt idx="140">
                  <c:v>41530</c:v>
                </c:pt>
                <c:pt idx="141">
                  <c:v>41537</c:v>
                </c:pt>
                <c:pt idx="142">
                  <c:v>41544</c:v>
                </c:pt>
                <c:pt idx="143">
                  <c:v>41551</c:v>
                </c:pt>
                <c:pt idx="144">
                  <c:v>41558</c:v>
                </c:pt>
                <c:pt idx="145">
                  <c:v>41565</c:v>
                </c:pt>
                <c:pt idx="146">
                  <c:v>41572</c:v>
                </c:pt>
                <c:pt idx="147">
                  <c:v>41579</c:v>
                </c:pt>
                <c:pt idx="148">
                  <c:v>41586</c:v>
                </c:pt>
                <c:pt idx="149">
                  <c:v>41593</c:v>
                </c:pt>
                <c:pt idx="150">
                  <c:v>41600</c:v>
                </c:pt>
                <c:pt idx="151">
                  <c:v>41607</c:v>
                </c:pt>
                <c:pt idx="152">
                  <c:v>41614</c:v>
                </c:pt>
                <c:pt idx="153">
                  <c:v>41621</c:v>
                </c:pt>
                <c:pt idx="154">
                  <c:v>41628</c:v>
                </c:pt>
                <c:pt idx="155">
                  <c:v>41635</c:v>
                </c:pt>
                <c:pt idx="156">
                  <c:v>41642</c:v>
                </c:pt>
                <c:pt idx="157">
                  <c:v>41649</c:v>
                </c:pt>
                <c:pt idx="158">
                  <c:v>41656</c:v>
                </c:pt>
                <c:pt idx="159">
                  <c:v>41663</c:v>
                </c:pt>
                <c:pt idx="160">
                  <c:v>41670</c:v>
                </c:pt>
                <c:pt idx="161">
                  <c:v>41677</c:v>
                </c:pt>
                <c:pt idx="162">
                  <c:v>41684</c:v>
                </c:pt>
                <c:pt idx="163">
                  <c:v>41691</c:v>
                </c:pt>
                <c:pt idx="164">
                  <c:v>41698</c:v>
                </c:pt>
                <c:pt idx="165">
                  <c:v>41705</c:v>
                </c:pt>
                <c:pt idx="166">
                  <c:v>41712</c:v>
                </c:pt>
                <c:pt idx="167">
                  <c:v>41719</c:v>
                </c:pt>
                <c:pt idx="168">
                  <c:v>41726</c:v>
                </c:pt>
                <c:pt idx="169">
                  <c:v>41733</c:v>
                </c:pt>
                <c:pt idx="170">
                  <c:v>41740</c:v>
                </c:pt>
                <c:pt idx="171">
                  <c:v>41747</c:v>
                </c:pt>
                <c:pt idx="172">
                  <c:v>41754</c:v>
                </c:pt>
                <c:pt idx="173">
                  <c:v>41761</c:v>
                </c:pt>
                <c:pt idx="174">
                  <c:v>41768</c:v>
                </c:pt>
                <c:pt idx="175">
                  <c:v>41775</c:v>
                </c:pt>
                <c:pt idx="176">
                  <c:v>41782</c:v>
                </c:pt>
                <c:pt idx="177">
                  <c:v>41789</c:v>
                </c:pt>
                <c:pt idx="178">
                  <c:v>41796</c:v>
                </c:pt>
                <c:pt idx="179">
                  <c:v>41803</c:v>
                </c:pt>
                <c:pt idx="180">
                  <c:v>41810</c:v>
                </c:pt>
                <c:pt idx="181">
                  <c:v>41817</c:v>
                </c:pt>
                <c:pt idx="182">
                  <c:v>41824</c:v>
                </c:pt>
                <c:pt idx="183">
                  <c:v>41831</c:v>
                </c:pt>
                <c:pt idx="184">
                  <c:v>41838</c:v>
                </c:pt>
                <c:pt idx="185">
                  <c:v>41845</c:v>
                </c:pt>
                <c:pt idx="186">
                  <c:v>41852</c:v>
                </c:pt>
                <c:pt idx="187">
                  <c:v>41859</c:v>
                </c:pt>
                <c:pt idx="188">
                  <c:v>41866</c:v>
                </c:pt>
                <c:pt idx="189">
                  <c:v>41873</c:v>
                </c:pt>
                <c:pt idx="190">
                  <c:v>41880</c:v>
                </c:pt>
                <c:pt idx="191">
                  <c:v>41887</c:v>
                </c:pt>
                <c:pt idx="192">
                  <c:v>41894</c:v>
                </c:pt>
                <c:pt idx="193">
                  <c:v>41901</c:v>
                </c:pt>
                <c:pt idx="194">
                  <c:v>41908</c:v>
                </c:pt>
                <c:pt idx="195">
                  <c:v>41915</c:v>
                </c:pt>
                <c:pt idx="196">
                  <c:v>41922</c:v>
                </c:pt>
                <c:pt idx="197">
                  <c:v>41929</c:v>
                </c:pt>
                <c:pt idx="198">
                  <c:v>41936</c:v>
                </c:pt>
                <c:pt idx="199">
                  <c:v>41943</c:v>
                </c:pt>
                <c:pt idx="200">
                  <c:v>41950</c:v>
                </c:pt>
                <c:pt idx="201">
                  <c:v>41957</c:v>
                </c:pt>
                <c:pt idx="202">
                  <c:v>41964</c:v>
                </c:pt>
                <c:pt idx="203">
                  <c:v>41971</c:v>
                </c:pt>
                <c:pt idx="204">
                  <c:v>41978</c:v>
                </c:pt>
                <c:pt idx="205">
                  <c:v>41985</c:v>
                </c:pt>
                <c:pt idx="206">
                  <c:v>41992</c:v>
                </c:pt>
                <c:pt idx="207">
                  <c:v>41999</c:v>
                </c:pt>
                <c:pt idx="208">
                  <c:v>42006</c:v>
                </c:pt>
                <c:pt idx="209">
                  <c:v>42013</c:v>
                </c:pt>
                <c:pt idx="210">
                  <c:v>42020</c:v>
                </c:pt>
                <c:pt idx="211">
                  <c:v>42027</c:v>
                </c:pt>
                <c:pt idx="212">
                  <c:v>42034</c:v>
                </c:pt>
                <c:pt idx="213">
                  <c:v>42041</c:v>
                </c:pt>
                <c:pt idx="214">
                  <c:v>42048</c:v>
                </c:pt>
                <c:pt idx="215">
                  <c:v>42055</c:v>
                </c:pt>
                <c:pt idx="216">
                  <c:v>42062</c:v>
                </c:pt>
                <c:pt idx="217">
                  <c:v>42069</c:v>
                </c:pt>
                <c:pt idx="218">
                  <c:v>42076</c:v>
                </c:pt>
                <c:pt idx="219">
                  <c:v>42083</c:v>
                </c:pt>
                <c:pt idx="220">
                  <c:v>42090</c:v>
                </c:pt>
                <c:pt idx="221">
                  <c:v>42097</c:v>
                </c:pt>
                <c:pt idx="222">
                  <c:v>42104</c:v>
                </c:pt>
                <c:pt idx="223">
                  <c:v>42111</c:v>
                </c:pt>
                <c:pt idx="224">
                  <c:v>42118</c:v>
                </c:pt>
                <c:pt idx="225">
                  <c:v>42125</c:v>
                </c:pt>
                <c:pt idx="226">
                  <c:v>42132</c:v>
                </c:pt>
                <c:pt idx="227">
                  <c:v>42139</c:v>
                </c:pt>
                <c:pt idx="228">
                  <c:v>42146</c:v>
                </c:pt>
                <c:pt idx="229">
                  <c:v>42153</c:v>
                </c:pt>
                <c:pt idx="230">
                  <c:v>42160</c:v>
                </c:pt>
                <c:pt idx="231">
                  <c:v>42167</c:v>
                </c:pt>
                <c:pt idx="232">
                  <c:v>42174</c:v>
                </c:pt>
                <c:pt idx="233">
                  <c:v>42181</c:v>
                </c:pt>
                <c:pt idx="234">
                  <c:v>42188</c:v>
                </c:pt>
                <c:pt idx="235">
                  <c:v>42195</c:v>
                </c:pt>
                <c:pt idx="236">
                  <c:v>42202</c:v>
                </c:pt>
                <c:pt idx="237">
                  <c:v>42209</c:v>
                </c:pt>
                <c:pt idx="238">
                  <c:v>42216</c:v>
                </c:pt>
                <c:pt idx="239">
                  <c:v>42223</c:v>
                </c:pt>
                <c:pt idx="240">
                  <c:v>42230</c:v>
                </c:pt>
                <c:pt idx="241">
                  <c:v>42237</c:v>
                </c:pt>
                <c:pt idx="242">
                  <c:v>42244</c:v>
                </c:pt>
                <c:pt idx="243">
                  <c:v>42251</c:v>
                </c:pt>
                <c:pt idx="244">
                  <c:v>42258</c:v>
                </c:pt>
                <c:pt idx="245">
                  <c:v>42265</c:v>
                </c:pt>
                <c:pt idx="246">
                  <c:v>42272</c:v>
                </c:pt>
                <c:pt idx="247">
                  <c:v>42279</c:v>
                </c:pt>
                <c:pt idx="248">
                  <c:v>42286</c:v>
                </c:pt>
                <c:pt idx="249">
                  <c:v>42293</c:v>
                </c:pt>
                <c:pt idx="250">
                  <c:v>42300</c:v>
                </c:pt>
                <c:pt idx="251">
                  <c:v>42307</c:v>
                </c:pt>
                <c:pt idx="252">
                  <c:v>42314</c:v>
                </c:pt>
                <c:pt idx="253">
                  <c:v>42321</c:v>
                </c:pt>
                <c:pt idx="254">
                  <c:v>42328</c:v>
                </c:pt>
                <c:pt idx="255">
                  <c:v>42335</c:v>
                </c:pt>
                <c:pt idx="256">
                  <c:v>42342</c:v>
                </c:pt>
                <c:pt idx="257">
                  <c:v>42349</c:v>
                </c:pt>
                <c:pt idx="258">
                  <c:v>42356</c:v>
                </c:pt>
                <c:pt idx="259">
                  <c:v>42363</c:v>
                </c:pt>
                <c:pt idx="260">
                  <c:v>42370</c:v>
                </c:pt>
                <c:pt idx="261">
                  <c:v>42377</c:v>
                </c:pt>
                <c:pt idx="262">
                  <c:v>42384</c:v>
                </c:pt>
                <c:pt idx="263">
                  <c:v>42391</c:v>
                </c:pt>
                <c:pt idx="264">
                  <c:v>42398</c:v>
                </c:pt>
                <c:pt idx="265">
                  <c:v>42405</c:v>
                </c:pt>
                <c:pt idx="266">
                  <c:v>42412</c:v>
                </c:pt>
                <c:pt idx="267">
                  <c:v>42419</c:v>
                </c:pt>
                <c:pt idx="268">
                  <c:v>42426</c:v>
                </c:pt>
                <c:pt idx="269">
                  <c:v>42433</c:v>
                </c:pt>
                <c:pt idx="270">
                  <c:v>42440</c:v>
                </c:pt>
                <c:pt idx="271">
                  <c:v>42447</c:v>
                </c:pt>
                <c:pt idx="272">
                  <c:v>42454</c:v>
                </c:pt>
                <c:pt idx="273">
                  <c:v>42461</c:v>
                </c:pt>
                <c:pt idx="274">
                  <c:v>42468</c:v>
                </c:pt>
                <c:pt idx="275">
                  <c:v>42475</c:v>
                </c:pt>
                <c:pt idx="276">
                  <c:v>42482</c:v>
                </c:pt>
                <c:pt idx="277">
                  <c:v>42489</c:v>
                </c:pt>
                <c:pt idx="278">
                  <c:v>42496</c:v>
                </c:pt>
                <c:pt idx="279">
                  <c:v>42503</c:v>
                </c:pt>
                <c:pt idx="280">
                  <c:v>42510</c:v>
                </c:pt>
                <c:pt idx="281">
                  <c:v>42517</c:v>
                </c:pt>
                <c:pt idx="282">
                  <c:v>42524</c:v>
                </c:pt>
                <c:pt idx="283">
                  <c:v>42531</c:v>
                </c:pt>
                <c:pt idx="284">
                  <c:v>42538</c:v>
                </c:pt>
                <c:pt idx="285">
                  <c:v>42545</c:v>
                </c:pt>
                <c:pt idx="286">
                  <c:v>42552</c:v>
                </c:pt>
                <c:pt idx="287">
                  <c:v>42559</c:v>
                </c:pt>
                <c:pt idx="288">
                  <c:v>42566</c:v>
                </c:pt>
                <c:pt idx="289">
                  <c:v>42573</c:v>
                </c:pt>
                <c:pt idx="290">
                  <c:v>42580</c:v>
                </c:pt>
                <c:pt idx="291">
                  <c:v>42587</c:v>
                </c:pt>
                <c:pt idx="292">
                  <c:v>42594</c:v>
                </c:pt>
                <c:pt idx="293">
                  <c:v>42601</c:v>
                </c:pt>
                <c:pt idx="294">
                  <c:v>42608</c:v>
                </c:pt>
                <c:pt idx="295">
                  <c:v>42615</c:v>
                </c:pt>
                <c:pt idx="296">
                  <c:v>42622</c:v>
                </c:pt>
                <c:pt idx="297">
                  <c:v>42629</c:v>
                </c:pt>
                <c:pt idx="298">
                  <c:v>42636</c:v>
                </c:pt>
                <c:pt idx="299">
                  <c:v>42643</c:v>
                </c:pt>
                <c:pt idx="300">
                  <c:v>42650</c:v>
                </c:pt>
                <c:pt idx="301">
                  <c:v>42657</c:v>
                </c:pt>
                <c:pt idx="302">
                  <c:v>42664</c:v>
                </c:pt>
                <c:pt idx="303">
                  <c:v>42671</c:v>
                </c:pt>
                <c:pt idx="304">
                  <c:v>42678</c:v>
                </c:pt>
                <c:pt idx="305">
                  <c:v>42685</c:v>
                </c:pt>
                <c:pt idx="306">
                  <c:v>42692</c:v>
                </c:pt>
                <c:pt idx="307">
                  <c:v>42699</c:v>
                </c:pt>
                <c:pt idx="308">
                  <c:v>42706</c:v>
                </c:pt>
                <c:pt idx="309">
                  <c:v>42713</c:v>
                </c:pt>
                <c:pt idx="310">
                  <c:v>42720</c:v>
                </c:pt>
                <c:pt idx="311">
                  <c:v>42727</c:v>
                </c:pt>
                <c:pt idx="312">
                  <c:v>42734</c:v>
                </c:pt>
                <c:pt idx="313">
                  <c:v>42741</c:v>
                </c:pt>
                <c:pt idx="314">
                  <c:v>42748</c:v>
                </c:pt>
                <c:pt idx="315">
                  <c:v>42755</c:v>
                </c:pt>
                <c:pt idx="316">
                  <c:v>42762</c:v>
                </c:pt>
                <c:pt idx="317">
                  <c:v>42769</c:v>
                </c:pt>
                <c:pt idx="318">
                  <c:v>42776</c:v>
                </c:pt>
                <c:pt idx="319">
                  <c:v>42783</c:v>
                </c:pt>
                <c:pt idx="320">
                  <c:v>42790</c:v>
                </c:pt>
                <c:pt idx="321">
                  <c:v>42797</c:v>
                </c:pt>
                <c:pt idx="322">
                  <c:v>42804</c:v>
                </c:pt>
                <c:pt idx="323">
                  <c:v>42811</c:v>
                </c:pt>
                <c:pt idx="324">
                  <c:v>42818</c:v>
                </c:pt>
                <c:pt idx="325">
                  <c:v>42825</c:v>
                </c:pt>
                <c:pt idx="326">
                  <c:v>42832</c:v>
                </c:pt>
                <c:pt idx="327">
                  <c:v>42839</c:v>
                </c:pt>
                <c:pt idx="328">
                  <c:v>42846</c:v>
                </c:pt>
                <c:pt idx="329">
                  <c:v>42853</c:v>
                </c:pt>
                <c:pt idx="330">
                  <c:v>42860</c:v>
                </c:pt>
                <c:pt idx="331">
                  <c:v>42867</c:v>
                </c:pt>
                <c:pt idx="332">
                  <c:v>42874</c:v>
                </c:pt>
                <c:pt idx="333">
                  <c:v>42881</c:v>
                </c:pt>
                <c:pt idx="334">
                  <c:v>42888</c:v>
                </c:pt>
                <c:pt idx="335">
                  <c:v>42895</c:v>
                </c:pt>
                <c:pt idx="336">
                  <c:v>42902</c:v>
                </c:pt>
                <c:pt idx="337">
                  <c:v>42909</c:v>
                </c:pt>
                <c:pt idx="338">
                  <c:v>42916</c:v>
                </c:pt>
                <c:pt idx="339">
                  <c:v>42923</c:v>
                </c:pt>
                <c:pt idx="340">
                  <c:v>42930</c:v>
                </c:pt>
                <c:pt idx="341">
                  <c:v>42937</c:v>
                </c:pt>
                <c:pt idx="342">
                  <c:v>42944</c:v>
                </c:pt>
                <c:pt idx="343">
                  <c:v>42951</c:v>
                </c:pt>
                <c:pt idx="344">
                  <c:v>42958</c:v>
                </c:pt>
                <c:pt idx="345">
                  <c:v>42965</c:v>
                </c:pt>
                <c:pt idx="346">
                  <c:v>42972</c:v>
                </c:pt>
                <c:pt idx="347">
                  <c:v>42979</c:v>
                </c:pt>
                <c:pt idx="348">
                  <c:v>42986</c:v>
                </c:pt>
                <c:pt idx="349">
                  <c:v>42993</c:v>
                </c:pt>
                <c:pt idx="350">
                  <c:v>43000</c:v>
                </c:pt>
                <c:pt idx="351">
                  <c:v>43007</c:v>
                </c:pt>
                <c:pt idx="352">
                  <c:v>43014</c:v>
                </c:pt>
                <c:pt idx="353">
                  <c:v>43021</c:v>
                </c:pt>
                <c:pt idx="354">
                  <c:v>43028</c:v>
                </c:pt>
                <c:pt idx="355">
                  <c:v>43035</c:v>
                </c:pt>
                <c:pt idx="356">
                  <c:v>43042</c:v>
                </c:pt>
                <c:pt idx="357">
                  <c:v>43049</c:v>
                </c:pt>
                <c:pt idx="358">
                  <c:v>43056</c:v>
                </c:pt>
                <c:pt idx="359">
                  <c:v>43063</c:v>
                </c:pt>
                <c:pt idx="360">
                  <c:v>43070</c:v>
                </c:pt>
                <c:pt idx="361">
                  <c:v>43077</c:v>
                </c:pt>
                <c:pt idx="362">
                  <c:v>43084</c:v>
                </c:pt>
                <c:pt idx="363">
                  <c:v>43091</c:v>
                </c:pt>
                <c:pt idx="364">
                  <c:v>43098</c:v>
                </c:pt>
                <c:pt idx="365">
                  <c:v>43105</c:v>
                </c:pt>
                <c:pt idx="366">
                  <c:v>43112</c:v>
                </c:pt>
                <c:pt idx="367">
                  <c:v>43119</c:v>
                </c:pt>
                <c:pt idx="368">
                  <c:v>43126</c:v>
                </c:pt>
                <c:pt idx="369">
                  <c:v>43133</c:v>
                </c:pt>
                <c:pt idx="370">
                  <c:v>43140</c:v>
                </c:pt>
                <c:pt idx="371">
                  <c:v>43147</c:v>
                </c:pt>
                <c:pt idx="372">
                  <c:v>43154</c:v>
                </c:pt>
                <c:pt idx="373">
                  <c:v>43161</c:v>
                </c:pt>
                <c:pt idx="374">
                  <c:v>43168</c:v>
                </c:pt>
                <c:pt idx="375">
                  <c:v>43175</c:v>
                </c:pt>
                <c:pt idx="376">
                  <c:v>43182</c:v>
                </c:pt>
                <c:pt idx="377">
                  <c:v>43189</c:v>
                </c:pt>
                <c:pt idx="378">
                  <c:v>43196</c:v>
                </c:pt>
                <c:pt idx="379">
                  <c:v>43203</c:v>
                </c:pt>
                <c:pt idx="380">
                  <c:v>43210</c:v>
                </c:pt>
                <c:pt idx="381">
                  <c:v>43217</c:v>
                </c:pt>
                <c:pt idx="382">
                  <c:v>43224</c:v>
                </c:pt>
                <c:pt idx="383">
                  <c:v>43231</c:v>
                </c:pt>
                <c:pt idx="384">
                  <c:v>43238</c:v>
                </c:pt>
                <c:pt idx="385">
                  <c:v>43245</c:v>
                </c:pt>
                <c:pt idx="386">
                  <c:v>43252</c:v>
                </c:pt>
                <c:pt idx="387">
                  <c:v>43259</c:v>
                </c:pt>
                <c:pt idx="388">
                  <c:v>43266</c:v>
                </c:pt>
                <c:pt idx="389">
                  <c:v>43273</c:v>
                </c:pt>
                <c:pt idx="390">
                  <c:v>43280</c:v>
                </c:pt>
                <c:pt idx="391">
                  <c:v>43287</c:v>
                </c:pt>
                <c:pt idx="392">
                  <c:v>43294</c:v>
                </c:pt>
                <c:pt idx="393">
                  <c:v>43301</c:v>
                </c:pt>
                <c:pt idx="394">
                  <c:v>43308</c:v>
                </c:pt>
                <c:pt idx="395">
                  <c:v>43315</c:v>
                </c:pt>
                <c:pt idx="396">
                  <c:v>43322</c:v>
                </c:pt>
                <c:pt idx="397">
                  <c:v>43329</c:v>
                </c:pt>
                <c:pt idx="398">
                  <c:v>43336</c:v>
                </c:pt>
                <c:pt idx="399">
                  <c:v>43343</c:v>
                </c:pt>
                <c:pt idx="400">
                  <c:v>43350</c:v>
                </c:pt>
                <c:pt idx="401">
                  <c:v>43357</c:v>
                </c:pt>
                <c:pt idx="402">
                  <c:v>43364</c:v>
                </c:pt>
                <c:pt idx="403">
                  <c:v>43371</c:v>
                </c:pt>
                <c:pt idx="404">
                  <c:v>43378</c:v>
                </c:pt>
                <c:pt idx="405">
                  <c:v>43385</c:v>
                </c:pt>
                <c:pt idx="406">
                  <c:v>43392</c:v>
                </c:pt>
                <c:pt idx="407">
                  <c:v>43399</c:v>
                </c:pt>
                <c:pt idx="408">
                  <c:v>43406</c:v>
                </c:pt>
                <c:pt idx="409">
                  <c:v>43413</c:v>
                </c:pt>
                <c:pt idx="410">
                  <c:v>43420</c:v>
                </c:pt>
                <c:pt idx="411">
                  <c:v>43427</c:v>
                </c:pt>
                <c:pt idx="412">
                  <c:v>43434</c:v>
                </c:pt>
                <c:pt idx="413">
                  <c:v>43441</c:v>
                </c:pt>
                <c:pt idx="414">
                  <c:v>43448</c:v>
                </c:pt>
                <c:pt idx="415">
                  <c:v>43455</c:v>
                </c:pt>
                <c:pt idx="416">
                  <c:v>43462</c:v>
                </c:pt>
                <c:pt idx="417">
                  <c:v>43469</c:v>
                </c:pt>
                <c:pt idx="418">
                  <c:v>43476</c:v>
                </c:pt>
                <c:pt idx="419">
                  <c:v>43483</c:v>
                </c:pt>
                <c:pt idx="420">
                  <c:v>43490</c:v>
                </c:pt>
                <c:pt idx="421">
                  <c:v>43497</c:v>
                </c:pt>
                <c:pt idx="422">
                  <c:v>43504</c:v>
                </c:pt>
                <c:pt idx="423">
                  <c:v>43511</c:v>
                </c:pt>
                <c:pt idx="424">
                  <c:v>43518</c:v>
                </c:pt>
                <c:pt idx="425">
                  <c:v>43525</c:v>
                </c:pt>
                <c:pt idx="426">
                  <c:v>43532</c:v>
                </c:pt>
                <c:pt idx="427">
                  <c:v>43539</c:v>
                </c:pt>
                <c:pt idx="428">
                  <c:v>43546</c:v>
                </c:pt>
                <c:pt idx="429">
                  <c:v>43553</c:v>
                </c:pt>
                <c:pt idx="430">
                  <c:v>43560</c:v>
                </c:pt>
                <c:pt idx="431">
                  <c:v>43567</c:v>
                </c:pt>
                <c:pt idx="432">
                  <c:v>43573</c:v>
                </c:pt>
                <c:pt idx="433">
                  <c:v>43581</c:v>
                </c:pt>
                <c:pt idx="434">
                  <c:v>43588</c:v>
                </c:pt>
                <c:pt idx="435">
                  <c:v>43595</c:v>
                </c:pt>
                <c:pt idx="436">
                  <c:v>43602</c:v>
                </c:pt>
                <c:pt idx="437">
                  <c:v>43609</c:v>
                </c:pt>
                <c:pt idx="438">
                  <c:v>43616</c:v>
                </c:pt>
                <c:pt idx="439">
                  <c:v>43623</c:v>
                </c:pt>
                <c:pt idx="440">
                  <c:v>43630</c:v>
                </c:pt>
                <c:pt idx="441">
                  <c:v>43637</c:v>
                </c:pt>
                <c:pt idx="442">
                  <c:v>43644</c:v>
                </c:pt>
                <c:pt idx="443">
                  <c:v>43651</c:v>
                </c:pt>
                <c:pt idx="444">
                  <c:v>43658</c:v>
                </c:pt>
                <c:pt idx="445">
                  <c:v>43665</c:v>
                </c:pt>
                <c:pt idx="446">
                  <c:v>43672</c:v>
                </c:pt>
                <c:pt idx="447">
                  <c:v>43679</c:v>
                </c:pt>
                <c:pt idx="448">
                  <c:v>43686</c:v>
                </c:pt>
                <c:pt idx="449">
                  <c:v>43693</c:v>
                </c:pt>
                <c:pt idx="450">
                  <c:v>43700</c:v>
                </c:pt>
                <c:pt idx="451">
                  <c:v>43707</c:v>
                </c:pt>
                <c:pt idx="452">
                  <c:v>43714</c:v>
                </c:pt>
                <c:pt idx="453">
                  <c:v>43721</c:v>
                </c:pt>
                <c:pt idx="454">
                  <c:v>43728</c:v>
                </c:pt>
                <c:pt idx="455">
                  <c:v>43735</c:v>
                </c:pt>
                <c:pt idx="456">
                  <c:v>43742</c:v>
                </c:pt>
                <c:pt idx="457">
                  <c:v>43749</c:v>
                </c:pt>
                <c:pt idx="458">
                  <c:v>43756</c:v>
                </c:pt>
                <c:pt idx="459">
                  <c:v>43763</c:v>
                </c:pt>
                <c:pt idx="460">
                  <c:v>43770</c:v>
                </c:pt>
                <c:pt idx="461">
                  <c:v>43777</c:v>
                </c:pt>
                <c:pt idx="462">
                  <c:v>43784</c:v>
                </c:pt>
                <c:pt idx="463">
                  <c:v>43791</c:v>
                </c:pt>
                <c:pt idx="464">
                  <c:v>43798</c:v>
                </c:pt>
                <c:pt idx="465">
                  <c:v>43805</c:v>
                </c:pt>
                <c:pt idx="466">
                  <c:v>43812</c:v>
                </c:pt>
                <c:pt idx="467">
                  <c:v>43819</c:v>
                </c:pt>
                <c:pt idx="468">
                  <c:v>43826</c:v>
                </c:pt>
                <c:pt idx="469">
                  <c:v>43833</c:v>
                </c:pt>
                <c:pt idx="470">
                  <c:v>43840</c:v>
                </c:pt>
                <c:pt idx="471">
                  <c:v>43847</c:v>
                </c:pt>
                <c:pt idx="472">
                  <c:v>43854</c:v>
                </c:pt>
                <c:pt idx="473">
                  <c:v>43861</c:v>
                </c:pt>
                <c:pt idx="474">
                  <c:v>43868</c:v>
                </c:pt>
                <c:pt idx="475">
                  <c:v>43875</c:v>
                </c:pt>
                <c:pt idx="476">
                  <c:v>43882</c:v>
                </c:pt>
                <c:pt idx="477">
                  <c:v>43889</c:v>
                </c:pt>
                <c:pt idx="478">
                  <c:v>43896</c:v>
                </c:pt>
                <c:pt idx="479">
                  <c:v>43903</c:v>
                </c:pt>
                <c:pt idx="480">
                  <c:v>43910</c:v>
                </c:pt>
                <c:pt idx="481">
                  <c:v>43917</c:v>
                </c:pt>
                <c:pt idx="482">
                  <c:v>43924</c:v>
                </c:pt>
                <c:pt idx="483">
                  <c:v>43931</c:v>
                </c:pt>
                <c:pt idx="484">
                  <c:v>43938</c:v>
                </c:pt>
                <c:pt idx="485">
                  <c:v>43945</c:v>
                </c:pt>
                <c:pt idx="486">
                  <c:v>43952</c:v>
                </c:pt>
                <c:pt idx="487">
                  <c:v>43959</c:v>
                </c:pt>
                <c:pt idx="488">
                  <c:v>43966</c:v>
                </c:pt>
                <c:pt idx="489">
                  <c:v>43973</c:v>
                </c:pt>
                <c:pt idx="490">
                  <c:v>43980</c:v>
                </c:pt>
                <c:pt idx="491">
                  <c:v>43987</c:v>
                </c:pt>
                <c:pt idx="492">
                  <c:v>43994</c:v>
                </c:pt>
                <c:pt idx="493">
                  <c:v>44001</c:v>
                </c:pt>
                <c:pt idx="494">
                  <c:v>44008</c:v>
                </c:pt>
                <c:pt idx="495">
                  <c:v>44015</c:v>
                </c:pt>
                <c:pt idx="496">
                  <c:v>44022</c:v>
                </c:pt>
                <c:pt idx="497">
                  <c:v>44029</c:v>
                </c:pt>
                <c:pt idx="498">
                  <c:v>44036</c:v>
                </c:pt>
                <c:pt idx="499">
                  <c:v>44043</c:v>
                </c:pt>
                <c:pt idx="500">
                  <c:v>44050</c:v>
                </c:pt>
                <c:pt idx="501">
                  <c:v>44057</c:v>
                </c:pt>
                <c:pt idx="502">
                  <c:v>44064</c:v>
                </c:pt>
                <c:pt idx="503">
                  <c:v>44071</c:v>
                </c:pt>
                <c:pt idx="504">
                  <c:v>44078</c:v>
                </c:pt>
                <c:pt idx="505">
                  <c:v>44085</c:v>
                </c:pt>
                <c:pt idx="506">
                  <c:v>44092</c:v>
                </c:pt>
                <c:pt idx="507">
                  <c:v>44099</c:v>
                </c:pt>
                <c:pt idx="508">
                  <c:v>44106</c:v>
                </c:pt>
                <c:pt idx="509">
                  <c:v>44113</c:v>
                </c:pt>
                <c:pt idx="510">
                  <c:v>44120</c:v>
                </c:pt>
                <c:pt idx="511">
                  <c:v>44127</c:v>
                </c:pt>
                <c:pt idx="512">
                  <c:v>44134</c:v>
                </c:pt>
                <c:pt idx="513">
                  <c:v>44141</c:v>
                </c:pt>
                <c:pt idx="514">
                  <c:v>44148</c:v>
                </c:pt>
                <c:pt idx="515">
                  <c:v>44155</c:v>
                </c:pt>
                <c:pt idx="516">
                  <c:v>44162</c:v>
                </c:pt>
                <c:pt idx="517">
                  <c:v>44169</c:v>
                </c:pt>
                <c:pt idx="518">
                  <c:v>44176</c:v>
                </c:pt>
                <c:pt idx="519">
                  <c:v>44183</c:v>
                </c:pt>
                <c:pt idx="520">
                  <c:v>44188</c:v>
                </c:pt>
                <c:pt idx="521">
                  <c:v>44196</c:v>
                </c:pt>
                <c:pt idx="522">
                  <c:v>44204</c:v>
                </c:pt>
                <c:pt idx="523">
                  <c:v>44211</c:v>
                </c:pt>
                <c:pt idx="524">
                  <c:v>44218</c:v>
                </c:pt>
                <c:pt idx="525">
                  <c:v>44225</c:v>
                </c:pt>
                <c:pt idx="526">
                  <c:v>44232</c:v>
                </c:pt>
                <c:pt idx="527">
                  <c:v>44239</c:v>
                </c:pt>
                <c:pt idx="528">
                  <c:v>44246</c:v>
                </c:pt>
                <c:pt idx="529">
                  <c:v>44253</c:v>
                </c:pt>
                <c:pt idx="530">
                  <c:v>44260</c:v>
                </c:pt>
                <c:pt idx="531">
                  <c:v>44267</c:v>
                </c:pt>
                <c:pt idx="532">
                  <c:v>44274</c:v>
                </c:pt>
                <c:pt idx="533">
                  <c:v>44281</c:v>
                </c:pt>
                <c:pt idx="534">
                  <c:v>44288</c:v>
                </c:pt>
                <c:pt idx="535">
                  <c:v>44295</c:v>
                </c:pt>
                <c:pt idx="536">
                  <c:v>44302</c:v>
                </c:pt>
                <c:pt idx="537">
                  <c:v>44309</c:v>
                </c:pt>
                <c:pt idx="538">
                  <c:v>44316</c:v>
                </c:pt>
                <c:pt idx="539">
                  <c:v>44323</c:v>
                </c:pt>
                <c:pt idx="540">
                  <c:v>44330</c:v>
                </c:pt>
                <c:pt idx="541">
                  <c:v>44337</c:v>
                </c:pt>
                <c:pt idx="542">
                  <c:v>44344</c:v>
                </c:pt>
                <c:pt idx="543">
                  <c:v>44351</c:v>
                </c:pt>
                <c:pt idx="544">
                  <c:v>44358</c:v>
                </c:pt>
                <c:pt idx="545">
                  <c:v>44365</c:v>
                </c:pt>
                <c:pt idx="546">
                  <c:v>44372</c:v>
                </c:pt>
                <c:pt idx="547">
                  <c:v>44379</c:v>
                </c:pt>
                <c:pt idx="548">
                  <c:v>44386</c:v>
                </c:pt>
                <c:pt idx="549">
                  <c:v>44393</c:v>
                </c:pt>
                <c:pt idx="550">
                  <c:v>44400</c:v>
                </c:pt>
                <c:pt idx="551">
                  <c:v>44407</c:v>
                </c:pt>
                <c:pt idx="552">
                  <c:v>44414</c:v>
                </c:pt>
                <c:pt idx="553">
                  <c:v>44421</c:v>
                </c:pt>
                <c:pt idx="554">
                  <c:v>44428</c:v>
                </c:pt>
                <c:pt idx="555">
                  <c:v>44435</c:v>
                </c:pt>
                <c:pt idx="556">
                  <c:v>44442</c:v>
                </c:pt>
                <c:pt idx="557">
                  <c:v>44449</c:v>
                </c:pt>
                <c:pt idx="558">
                  <c:v>44456</c:v>
                </c:pt>
                <c:pt idx="559">
                  <c:v>44463</c:v>
                </c:pt>
                <c:pt idx="560">
                  <c:v>44470</c:v>
                </c:pt>
                <c:pt idx="561">
                  <c:v>44477</c:v>
                </c:pt>
                <c:pt idx="562">
                  <c:v>44484</c:v>
                </c:pt>
                <c:pt idx="563">
                  <c:v>44491</c:v>
                </c:pt>
                <c:pt idx="564">
                  <c:v>44498</c:v>
                </c:pt>
                <c:pt idx="565">
                  <c:v>44505</c:v>
                </c:pt>
                <c:pt idx="566">
                  <c:v>44512</c:v>
                </c:pt>
                <c:pt idx="567">
                  <c:v>44519</c:v>
                </c:pt>
                <c:pt idx="568">
                  <c:v>44526</c:v>
                </c:pt>
                <c:pt idx="569">
                  <c:v>44533</c:v>
                </c:pt>
                <c:pt idx="570">
                  <c:v>44540</c:v>
                </c:pt>
                <c:pt idx="571">
                  <c:v>44547</c:v>
                </c:pt>
                <c:pt idx="572">
                  <c:v>44554</c:v>
                </c:pt>
                <c:pt idx="573">
                  <c:v>44561</c:v>
                </c:pt>
                <c:pt idx="574">
                  <c:v>44568</c:v>
                </c:pt>
                <c:pt idx="575">
                  <c:v>44575</c:v>
                </c:pt>
                <c:pt idx="576">
                  <c:v>44582</c:v>
                </c:pt>
                <c:pt idx="577">
                  <c:v>44589</c:v>
                </c:pt>
                <c:pt idx="578">
                  <c:v>44596</c:v>
                </c:pt>
                <c:pt idx="579">
                  <c:v>44603</c:v>
                </c:pt>
                <c:pt idx="580">
                  <c:v>44610</c:v>
                </c:pt>
                <c:pt idx="581">
                  <c:v>44617</c:v>
                </c:pt>
                <c:pt idx="582">
                  <c:v>44624</c:v>
                </c:pt>
                <c:pt idx="583">
                  <c:v>44631</c:v>
                </c:pt>
                <c:pt idx="584">
                  <c:v>44638</c:v>
                </c:pt>
                <c:pt idx="585">
                  <c:v>44645</c:v>
                </c:pt>
                <c:pt idx="586">
                  <c:v>44652</c:v>
                </c:pt>
                <c:pt idx="587">
                  <c:v>44659</c:v>
                </c:pt>
                <c:pt idx="588">
                  <c:v>44666</c:v>
                </c:pt>
                <c:pt idx="589">
                  <c:v>44673</c:v>
                </c:pt>
                <c:pt idx="590">
                  <c:v>44680</c:v>
                </c:pt>
                <c:pt idx="591">
                  <c:v>44687</c:v>
                </c:pt>
                <c:pt idx="592">
                  <c:v>44694</c:v>
                </c:pt>
                <c:pt idx="593">
                  <c:v>44701</c:v>
                </c:pt>
                <c:pt idx="594">
                  <c:v>44708</c:v>
                </c:pt>
                <c:pt idx="595">
                  <c:v>44715</c:v>
                </c:pt>
                <c:pt idx="596">
                  <c:v>44722</c:v>
                </c:pt>
                <c:pt idx="597">
                  <c:v>44729</c:v>
                </c:pt>
                <c:pt idx="598">
                  <c:v>44736</c:v>
                </c:pt>
                <c:pt idx="599">
                  <c:v>44743</c:v>
                </c:pt>
                <c:pt idx="600">
                  <c:v>44750</c:v>
                </c:pt>
                <c:pt idx="601">
                  <c:v>44757</c:v>
                </c:pt>
                <c:pt idx="602">
                  <c:v>44764</c:v>
                </c:pt>
                <c:pt idx="603">
                  <c:v>44771</c:v>
                </c:pt>
                <c:pt idx="604">
                  <c:v>44778</c:v>
                </c:pt>
                <c:pt idx="605">
                  <c:v>44785</c:v>
                </c:pt>
                <c:pt idx="606">
                  <c:v>44792</c:v>
                </c:pt>
                <c:pt idx="607">
                  <c:v>44799</c:v>
                </c:pt>
                <c:pt idx="608">
                  <c:v>44806</c:v>
                </c:pt>
                <c:pt idx="609">
                  <c:v>44813</c:v>
                </c:pt>
                <c:pt idx="610">
                  <c:v>44820</c:v>
                </c:pt>
                <c:pt idx="611">
                  <c:v>44827</c:v>
                </c:pt>
                <c:pt idx="612">
                  <c:v>44834</c:v>
                </c:pt>
                <c:pt idx="613">
                  <c:v>44841</c:v>
                </c:pt>
                <c:pt idx="614">
                  <c:v>44848</c:v>
                </c:pt>
                <c:pt idx="615">
                  <c:v>44855</c:v>
                </c:pt>
                <c:pt idx="616">
                  <c:v>44862</c:v>
                </c:pt>
                <c:pt idx="617">
                  <c:v>44869</c:v>
                </c:pt>
                <c:pt idx="618">
                  <c:v>44876</c:v>
                </c:pt>
                <c:pt idx="619">
                  <c:v>44883</c:v>
                </c:pt>
                <c:pt idx="620">
                  <c:v>44890</c:v>
                </c:pt>
                <c:pt idx="621">
                  <c:v>44897</c:v>
                </c:pt>
                <c:pt idx="622">
                  <c:v>44904</c:v>
                </c:pt>
                <c:pt idx="623">
                  <c:v>44911</c:v>
                </c:pt>
                <c:pt idx="624">
                  <c:v>44918</c:v>
                </c:pt>
                <c:pt idx="625">
                  <c:v>44925</c:v>
                </c:pt>
                <c:pt idx="626">
                  <c:v>44932</c:v>
                </c:pt>
              </c:numCache>
            </c:numRef>
          </c:cat>
          <c:val>
            <c:numRef>
              <c:f>'LC JFP'!$F$469:$F$1097</c:f>
              <c:numCache>
                <c:formatCode>0.0</c:formatCode>
                <c:ptCount val="629"/>
                <c:pt idx="0">
                  <c:v>106.89239774986254</c:v>
                </c:pt>
                <c:pt idx="1">
                  <c:v>111.71738662725789</c:v>
                </c:pt>
                <c:pt idx="2">
                  <c:v>112.88865713876146</c:v>
                </c:pt>
                <c:pt idx="3">
                  <c:v>114.12835716772666</c:v>
                </c:pt>
                <c:pt idx="4">
                  <c:v>117.25662323203983</c:v>
                </c:pt>
                <c:pt idx="5">
                  <c:v>117.53525420250726</c:v>
                </c:pt>
                <c:pt idx="6">
                  <c:v>119.21130566696831</c:v>
                </c:pt>
                <c:pt idx="7">
                  <c:v>128.23711629160053</c:v>
                </c:pt>
                <c:pt idx="8">
                  <c:v>134.73112776152655</c:v>
                </c:pt>
                <c:pt idx="9">
                  <c:v>132.3267099378908</c:v>
                </c:pt>
                <c:pt idx="10">
                  <c:v>134.41075020474054</c:v>
                </c:pt>
                <c:pt idx="11">
                  <c:v>134.64099127918124</c:v>
                </c:pt>
                <c:pt idx="12">
                  <c:v>136.36301644505733</c:v>
                </c:pt>
                <c:pt idx="13">
                  <c:v>143.05111720844675</c:v>
                </c:pt>
                <c:pt idx="14">
                  <c:v>139.97273323271435</c:v>
                </c:pt>
                <c:pt idx="15">
                  <c:v>140.17454612131178</c:v>
                </c:pt>
                <c:pt idx="16">
                  <c:v>141.75504906771073</c:v>
                </c:pt>
                <c:pt idx="17">
                  <c:v>127.293181435733</c:v>
                </c:pt>
                <c:pt idx="18">
                  <c:v>129.53418130177587</c:v>
                </c:pt>
                <c:pt idx="19">
                  <c:v>126.1</c:v>
                </c:pt>
                <c:pt idx="20">
                  <c:v>130.19999999999999</c:v>
                </c:pt>
                <c:pt idx="21">
                  <c:v>131.30000000000001</c:v>
                </c:pt>
                <c:pt idx="22">
                  <c:v>134.16</c:v>
                </c:pt>
                <c:pt idx="23" formatCode="General">
                  <c:v>128.69999999999999</c:v>
                </c:pt>
                <c:pt idx="24">
                  <c:v>121.75534382332229</c:v>
                </c:pt>
                <c:pt idx="25">
                  <c:v>125.92648931182146</c:v>
                </c:pt>
                <c:pt idx="26">
                  <c:v>125.97122111928982</c:v>
                </c:pt>
                <c:pt idx="27">
                  <c:v>132.20988861649397</c:v>
                </c:pt>
                <c:pt idx="28">
                  <c:v>133.98388924143171</c:v>
                </c:pt>
                <c:pt idx="29">
                  <c:v>132.8489101484484</c:v>
                </c:pt>
                <c:pt idx="30">
                  <c:v>124.92181364178511</c:v>
                </c:pt>
                <c:pt idx="31">
                  <c:v>125.07770074357749</c:v>
                </c:pt>
                <c:pt idx="32">
                  <c:v>124.64640555646024</c:v>
                </c:pt>
                <c:pt idx="33">
                  <c:v>128.19999999999999</c:v>
                </c:pt>
                <c:pt idx="34">
                  <c:v>128.84867409574144</c:v>
                </c:pt>
                <c:pt idx="35">
                  <c:v>126.84930766010056</c:v>
                </c:pt>
                <c:pt idx="36">
                  <c:v>128.04731825181278</c:v>
                </c:pt>
                <c:pt idx="37">
                  <c:v>122.00090894675951</c:v>
                </c:pt>
                <c:pt idx="38">
                  <c:v>121.54606216579425</c:v>
                </c:pt>
                <c:pt idx="39">
                  <c:v>122.16573180049529</c:v>
                </c:pt>
                <c:pt idx="40">
                  <c:v>128.7766321619051</c:v>
                </c:pt>
                <c:pt idx="41">
                  <c:v>128.36876794489993</c:v>
                </c:pt>
                <c:pt idx="42">
                  <c:v>130.61947158337475</c:v>
                </c:pt>
                <c:pt idx="43">
                  <c:v>130.46235873981641</c:v>
                </c:pt>
                <c:pt idx="44">
                  <c:v>134.13351605007389</c:v>
                </c:pt>
                <c:pt idx="45">
                  <c:v>129.99268996008021</c:v>
                </c:pt>
                <c:pt idx="46">
                  <c:v>126.32730580153172</c:v>
                </c:pt>
                <c:pt idx="47">
                  <c:v>126.36405922844398</c:v>
                </c:pt>
                <c:pt idx="48">
                  <c:v>126.6</c:v>
                </c:pt>
                <c:pt idx="49">
                  <c:v>120.75716920126055</c:v>
                </c:pt>
                <c:pt idx="50">
                  <c:v>123.48898432112145</c:v>
                </c:pt>
                <c:pt idx="51">
                  <c:v>124.21070907148335</c:v>
                </c:pt>
                <c:pt idx="52">
                  <c:v>129.93383939411262</c:v>
                </c:pt>
                <c:pt idx="53">
                  <c:v>129.52229717296245</c:v>
                </c:pt>
                <c:pt idx="54">
                  <c:v>129.1740778745073</c:v>
                </c:pt>
                <c:pt idx="55">
                  <c:v>129.52787363875038</c:v>
                </c:pt>
                <c:pt idx="56">
                  <c:v>130.59140412795745</c:v>
                </c:pt>
                <c:pt idx="57">
                  <c:v>133.8752824848209</c:v>
                </c:pt>
                <c:pt idx="58">
                  <c:v>134.82394243837305</c:v>
                </c:pt>
                <c:pt idx="59">
                  <c:v>139.93038503987853</c:v>
                </c:pt>
                <c:pt idx="60">
                  <c:v>137.13087393838595</c:v>
                </c:pt>
                <c:pt idx="61">
                  <c:v>139.46633132481421</c:v>
                </c:pt>
                <c:pt idx="62">
                  <c:v>139.42191116481419</c:v>
                </c:pt>
                <c:pt idx="63">
                  <c:v>138.08385585173951</c:v>
                </c:pt>
                <c:pt idx="64">
                  <c:v>139.29385718941671</c:v>
                </c:pt>
                <c:pt idx="65">
                  <c:v>138.57504994537294</c:v>
                </c:pt>
                <c:pt idx="66">
                  <c:v>136.30932986524994</c:v>
                </c:pt>
                <c:pt idx="67">
                  <c:v>134.74302217970401</c:v>
                </c:pt>
                <c:pt idx="68">
                  <c:v>135.59038061579446</c:v>
                </c:pt>
                <c:pt idx="69">
                  <c:v>130.01867741889052</c:v>
                </c:pt>
                <c:pt idx="70">
                  <c:v>128.32153229271719</c:v>
                </c:pt>
                <c:pt idx="71">
                  <c:v>122.96091569336963</c:v>
                </c:pt>
                <c:pt idx="72">
                  <c:v>122.63482959312043</c:v>
                </c:pt>
                <c:pt idx="73">
                  <c:v>114.46154980564035</c:v>
                </c:pt>
                <c:pt idx="74">
                  <c:v>114.2154843021348</c:v>
                </c:pt>
                <c:pt idx="75">
                  <c:v>114.37722694376541</c:v>
                </c:pt>
                <c:pt idx="76">
                  <c:v>112.21827818264403</c:v>
                </c:pt>
                <c:pt idx="77">
                  <c:v>114.2014842465197</c:v>
                </c:pt>
                <c:pt idx="78">
                  <c:v>117.36882163498035</c:v>
                </c:pt>
                <c:pt idx="79">
                  <c:v>119.64545491335862</c:v>
                </c:pt>
                <c:pt idx="80">
                  <c:v>125.71264865043298</c:v>
                </c:pt>
                <c:pt idx="81">
                  <c:v>124.45236537988774</c:v>
                </c:pt>
                <c:pt idx="82">
                  <c:v>125.96744211766426</c:v>
                </c:pt>
                <c:pt idx="83">
                  <c:v>131.81649904831912</c:v>
                </c:pt>
                <c:pt idx="84">
                  <c:v>134.01156593064394</c:v>
                </c:pt>
                <c:pt idx="85">
                  <c:v>135.56538576325218</c:v>
                </c:pt>
                <c:pt idx="86">
                  <c:v>137.51724797170741</c:v>
                </c:pt>
                <c:pt idx="87">
                  <c:v>136.62066948489542</c:v>
                </c:pt>
                <c:pt idx="88">
                  <c:v>138.7175846219757</c:v>
                </c:pt>
                <c:pt idx="89">
                  <c:v>133.09407429304767</c:v>
                </c:pt>
                <c:pt idx="90">
                  <c:v>133.63475361009614</c:v>
                </c:pt>
                <c:pt idx="91">
                  <c:v>134.40682596262988</c:v>
                </c:pt>
                <c:pt idx="92">
                  <c:v>136.20266813180999</c:v>
                </c:pt>
                <c:pt idx="93">
                  <c:v>132.93369326973647</c:v>
                </c:pt>
                <c:pt idx="94">
                  <c:v>128.61503223889744</c:v>
                </c:pt>
                <c:pt idx="95">
                  <c:v>124.68316225812373</c:v>
                </c:pt>
                <c:pt idx="96">
                  <c:v>126.15752815988408</c:v>
                </c:pt>
                <c:pt idx="97">
                  <c:v>126.59418122830786</c:v>
                </c:pt>
                <c:pt idx="98">
                  <c:v>129.66317643301832</c:v>
                </c:pt>
                <c:pt idx="99">
                  <c:v>128.32360006264938</c:v>
                </c:pt>
                <c:pt idx="100">
                  <c:v>126.63458859128416</c:v>
                </c:pt>
                <c:pt idx="101">
                  <c:v>125.40020997895154</c:v>
                </c:pt>
                <c:pt idx="102">
                  <c:v>128.22063403742462</c:v>
                </c:pt>
                <c:pt idx="103">
                  <c:v>128.29</c:v>
                </c:pt>
                <c:pt idx="104">
                  <c:v>128.04</c:v>
                </c:pt>
                <c:pt idx="105">
                  <c:v>129.57629048867113</c:v>
                </c:pt>
                <c:pt idx="106">
                  <c:v>131.1625006049531</c:v>
                </c:pt>
                <c:pt idx="107">
                  <c:v>132.39990945747252</c:v>
                </c:pt>
                <c:pt idx="108">
                  <c:v>136.39953811551169</c:v>
                </c:pt>
                <c:pt idx="109">
                  <c:v>139.81785312817968</c:v>
                </c:pt>
                <c:pt idx="110">
                  <c:v>138.315598049698</c:v>
                </c:pt>
                <c:pt idx="111">
                  <c:v>135.28847020261938</c:v>
                </c:pt>
                <c:pt idx="112">
                  <c:v>135.40766554381656</c:v>
                </c:pt>
                <c:pt idx="113">
                  <c:v>127.46701868280579</c:v>
                </c:pt>
                <c:pt idx="114">
                  <c:v>125.36648100968915</c:v>
                </c:pt>
                <c:pt idx="115">
                  <c:v>121.53651056546454</c:v>
                </c:pt>
                <c:pt idx="116">
                  <c:v>125.22514720539685</c:v>
                </c:pt>
                <c:pt idx="117">
                  <c:v>121.2871552356726</c:v>
                </c:pt>
                <c:pt idx="118">
                  <c:v>117.83320857339504</c:v>
                </c:pt>
                <c:pt idx="119">
                  <c:v>113.48096342195777</c:v>
                </c:pt>
                <c:pt idx="120">
                  <c:v>113.8340352823576</c:v>
                </c:pt>
                <c:pt idx="121">
                  <c:v>114.88386053168438</c:v>
                </c:pt>
                <c:pt idx="122">
                  <c:v>115.70938940056837</c:v>
                </c:pt>
                <c:pt idx="123">
                  <c:v>118.11176407246499</c:v>
                </c:pt>
                <c:pt idx="124">
                  <c:v>115.35273476451808</c:v>
                </c:pt>
                <c:pt idx="125">
                  <c:v>114.27820891059675</c:v>
                </c:pt>
                <c:pt idx="126">
                  <c:v>118.02288020189037</c:v>
                </c:pt>
                <c:pt idx="127">
                  <c:v>121.13500641558234</c:v>
                </c:pt>
                <c:pt idx="128">
                  <c:v>116.80112911885877</c:v>
                </c:pt>
                <c:pt idx="129">
                  <c:v>117.38880452077773</c:v>
                </c:pt>
                <c:pt idx="130">
                  <c:v>121.65437225913693</c:v>
                </c:pt>
                <c:pt idx="131">
                  <c:v>123.53868730218903</c:v>
                </c:pt>
                <c:pt idx="132">
                  <c:v>125.13871127787226</c:v>
                </c:pt>
                <c:pt idx="133">
                  <c:v>123.38466218328352</c:v>
                </c:pt>
                <c:pt idx="134">
                  <c:v>125.64511206989356</c:v>
                </c:pt>
                <c:pt idx="135">
                  <c:v>123.82071448471983</c:v>
                </c:pt>
                <c:pt idx="136">
                  <c:v>126.80779701028121</c:v>
                </c:pt>
                <c:pt idx="137">
                  <c:v>127.32729626730314</c:v>
                </c:pt>
                <c:pt idx="138">
                  <c:v>130.09599099309676</c:v>
                </c:pt>
                <c:pt idx="139">
                  <c:v>129.10245658813028</c:v>
                </c:pt>
                <c:pt idx="140">
                  <c:v>127.01898929695056</c:v>
                </c:pt>
                <c:pt idx="141">
                  <c:v>123.82755971084475</c:v>
                </c:pt>
                <c:pt idx="142">
                  <c:v>122.76041068139509</c:v>
                </c:pt>
                <c:pt idx="143">
                  <c:v>123.63433161439805</c:v>
                </c:pt>
                <c:pt idx="144">
                  <c:v>125.07271335880472</c:v>
                </c:pt>
                <c:pt idx="145">
                  <c:v>125.29330894657745</c:v>
                </c:pt>
                <c:pt idx="146">
                  <c:v>121.4269599447979</c:v>
                </c:pt>
                <c:pt idx="147">
                  <c:v>121.91063109314048</c:v>
                </c:pt>
                <c:pt idx="148">
                  <c:v>119.78730879094439</c:v>
                </c:pt>
                <c:pt idx="149">
                  <c:v>122.45799514342211</c:v>
                </c:pt>
                <c:pt idx="150">
                  <c:v>126.07363056300493</c:v>
                </c:pt>
                <c:pt idx="151">
                  <c:v>127.22254962045052</c:v>
                </c:pt>
                <c:pt idx="152">
                  <c:v>127.74911025172676</c:v>
                </c:pt>
                <c:pt idx="153">
                  <c:v>124.94959272741667</c:v>
                </c:pt>
                <c:pt idx="154">
                  <c:v>128.90303325226458</c:v>
                </c:pt>
                <c:pt idx="155">
                  <c:v>129.72629565111058</c:v>
                </c:pt>
                <c:pt idx="156">
                  <c:v>124.71963295905712</c:v>
                </c:pt>
                <c:pt idx="157">
                  <c:v>123.52573924264053</c:v>
                </c:pt>
                <c:pt idx="158">
                  <c:v>123.30143423865589</c:v>
                </c:pt>
                <c:pt idx="159">
                  <c:v>124.58203683559282</c:v>
                </c:pt>
                <c:pt idx="160">
                  <c:v>124.59762777911189</c:v>
                </c:pt>
                <c:pt idx="161">
                  <c:v>125.02907478925751</c:v>
                </c:pt>
                <c:pt idx="162">
                  <c:v>125.58676604111736</c:v>
                </c:pt>
                <c:pt idx="163">
                  <c:v>126.19624069851112</c:v>
                </c:pt>
                <c:pt idx="164">
                  <c:v>124.13108120161124</c:v>
                </c:pt>
                <c:pt idx="165">
                  <c:v>123.39933549402053</c:v>
                </c:pt>
                <c:pt idx="166">
                  <c:v>121.40922707831636</c:v>
                </c:pt>
                <c:pt idx="167">
                  <c:v>120.4452687396393</c:v>
                </c:pt>
                <c:pt idx="168">
                  <c:v>121.77710231144381</c:v>
                </c:pt>
                <c:pt idx="169">
                  <c:v>120.35771765871729</c:v>
                </c:pt>
                <c:pt idx="170">
                  <c:v>120.92661599965203</c:v>
                </c:pt>
                <c:pt idx="171">
                  <c:v>124.18862611363323</c:v>
                </c:pt>
                <c:pt idx="172">
                  <c:v>123.69130148635</c:v>
                </c:pt>
                <c:pt idx="173">
                  <c:v>122.17810789207003</c:v>
                </c:pt>
                <c:pt idx="174">
                  <c:v>121.89909057637537</c:v>
                </c:pt>
                <c:pt idx="175">
                  <c:v>123.07846191172244</c:v>
                </c:pt>
                <c:pt idx="176">
                  <c:v>122.58344382299052</c:v>
                </c:pt>
                <c:pt idx="177">
                  <c:v>120.00595424593756</c:v>
                </c:pt>
                <c:pt idx="178">
                  <c:v>119.4954789070744</c:v>
                </c:pt>
                <c:pt idx="179">
                  <c:v>123.95038235965131</c:v>
                </c:pt>
                <c:pt idx="180">
                  <c:v>126.71128469529587</c:v>
                </c:pt>
                <c:pt idx="181">
                  <c:v>124.29645972334485</c:v>
                </c:pt>
                <c:pt idx="182">
                  <c:v>121.49657666596683</c:v>
                </c:pt>
                <c:pt idx="183">
                  <c:v>119.99940536002683</c:v>
                </c:pt>
                <c:pt idx="184">
                  <c:v>119.65827253822837</c:v>
                </c:pt>
                <c:pt idx="185">
                  <c:v>121.49255919244028</c:v>
                </c:pt>
                <c:pt idx="186">
                  <c:v>120.54071660693653</c:v>
                </c:pt>
                <c:pt idx="187">
                  <c:v>121.11</c:v>
                </c:pt>
                <c:pt idx="188">
                  <c:v>119.76</c:v>
                </c:pt>
                <c:pt idx="189">
                  <c:v>119.5</c:v>
                </c:pt>
                <c:pt idx="190">
                  <c:v>120.58732732099944</c:v>
                </c:pt>
                <c:pt idx="191">
                  <c:v>117.95</c:v>
                </c:pt>
                <c:pt idx="192">
                  <c:v>114.69617820424317</c:v>
                </c:pt>
                <c:pt idx="193">
                  <c:v>112.8</c:v>
                </c:pt>
                <c:pt idx="194">
                  <c:v>112.01446764543152</c:v>
                </c:pt>
                <c:pt idx="195" formatCode="0.00">
                  <c:v>107.7730487326276</c:v>
                </c:pt>
                <c:pt idx="196">
                  <c:v>105.0803949301436</c:v>
                </c:pt>
                <c:pt idx="197">
                  <c:v>102.53</c:v>
                </c:pt>
                <c:pt idx="198">
                  <c:v>101.75</c:v>
                </c:pt>
                <c:pt idx="199">
                  <c:v>103.86652570804047</c:v>
                </c:pt>
                <c:pt idx="200">
                  <c:v>102.66447071019637</c:v>
                </c:pt>
                <c:pt idx="201">
                  <c:v>97.23</c:v>
                </c:pt>
                <c:pt idx="202">
                  <c:v>97.76</c:v>
                </c:pt>
                <c:pt idx="203">
                  <c:v>92.83</c:v>
                </c:pt>
                <c:pt idx="204">
                  <c:v>85.8</c:v>
                </c:pt>
                <c:pt idx="205">
                  <c:v>78.489999999999995</c:v>
                </c:pt>
                <c:pt idx="206">
                  <c:v>76.38</c:v>
                </c:pt>
                <c:pt idx="207">
                  <c:v>74.95</c:v>
                </c:pt>
                <c:pt idx="208">
                  <c:v>71.73527424377167</c:v>
                </c:pt>
                <c:pt idx="209">
                  <c:v>65.780382211489368</c:v>
                </c:pt>
                <c:pt idx="210">
                  <c:v>64.898138676440382</c:v>
                </c:pt>
                <c:pt idx="211">
                  <c:v>64.999971442670002</c:v>
                </c:pt>
                <c:pt idx="212">
                  <c:v>65.747426776493697</c:v>
                </c:pt>
                <c:pt idx="213" formatCode="0.00">
                  <c:v>73.98</c:v>
                </c:pt>
                <c:pt idx="214">
                  <c:v>77.646803108233328</c:v>
                </c:pt>
                <c:pt idx="215">
                  <c:v>77.473605865077928</c:v>
                </c:pt>
                <c:pt idx="216">
                  <c:v>77.516027507083493</c:v>
                </c:pt>
                <c:pt idx="217">
                  <c:v>74.589960056613222</c:v>
                </c:pt>
                <c:pt idx="218">
                  <c:v>68.991369674993393</c:v>
                </c:pt>
                <c:pt idx="219">
                  <c:v>68.432461257792582</c:v>
                </c:pt>
                <c:pt idx="220">
                  <c:v>70.27</c:v>
                </c:pt>
                <c:pt idx="221">
                  <c:v>68.390866414694031</c:v>
                </c:pt>
                <c:pt idx="222">
                  <c:v>70.14545669997355</c:v>
                </c:pt>
                <c:pt idx="223">
                  <c:v>74.777641468469596</c:v>
                </c:pt>
                <c:pt idx="224">
                  <c:v>75.822336555507945</c:v>
                </c:pt>
                <c:pt idx="225">
                  <c:v>78.09910911917126</c:v>
                </c:pt>
                <c:pt idx="226">
                  <c:v>78.679006085009334</c:v>
                </c:pt>
                <c:pt idx="227">
                  <c:v>81.660336585319328</c:v>
                </c:pt>
                <c:pt idx="228">
                  <c:v>78.729941988603926</c:v>
                </c:pt>
                <c:pt idx="229">
                  <c:v>77.274323137702567</c:v>
                </c:pt>
                <c:pt idx="230">
                  <c:v>73.704854536780147</c:v>
                </c:pt>
                <c:pt idx="231">
                  <c:v>75.269320867841316</c:v>
                </c:pt>
                <c:pt idx="232">
                  <c:v>74.16693408370962</c:v>
                </c:pt>
                <c:pt idx="233">
                  <c:v>74</c:v>
                </c:pt>
                <c:pt idx="234">
                  <c:v>72.650000000000006</c:v>
                </c:pt>
                <c:pt idx="235">
                  <c:v>68.60745682148135</c:v>
                </c:pt>
                <c:pt idx="236">
                  <c:v>66.288840843446962</c:v>
                </c:pt>
                <c:pt idx="237">
                  <c:v>65.626923594455633</c:v>
                </c:pt>
                <c:pt idx="238">
                  <c:v>63.527099089374069</c:v>
                </c:pt>
                <c:pt idx="239" formatCode="0.000000">
                  <c:v>60.84</c:v>
                </c:pt>
                <c:pt idx="240" formatCode="0.000000">
                  <c:v>61.43</c:v>
                </c:pt>
                <c:pt idx="241" formatCode="0.000000">
                  <c:v>58.040707917427369</c:v>
                </c:pt>
                <c:pt idx="242" formatCode="0.000000">
                  <c:v>61.568991636097863</c:v>
                </c:pt>
                <c:pt idx="243">
                  <c:v>63.16567935516472</c:v>
                </c:pt>
                <c:pt idx="244">
                  <c:v>61.274031167001581</c:v>
                </c:pt>
                <c:pt idx="245">
                  <c:v>60.073334757924854</c:v>
                </c:pt>
                <c:pt idx="246">
                  <c:v>60.931950322572433</c:v>
                </c:pt>
                <c:pt idx="247">
                  <c:v>63.452076833225007</c:v>
                </c:pt>
                <c:pt idx="248">
                  <c:v>60.503258498465804</c:v>
                </c:pt>
                <c:pt idx="249">
                  <c:v>60.881447192618445</c:v>
                </c:pt>
                <c:pt idx="250">
                  <c:v>60.129486407805814</c:v>
                </c:pt>
                <c:pt idx="251">
                  <c:v>61.046248677277781</c:v>
                </c:pt>
                <c:pt idx="252">
                  <c:v>60.523510256911798</c:v>
                </c:pt>
                <c:pt idx="253">
                  <c:v>57.460326683652788</c:v>
                </c:pt>
                <c:pt idx="254">
                  <c:v>56.960647870963932</c:v>
                </c:pt>
                <c:pt idx="255">
                  <c:v>57.639165382995472</c:v>
                </c:pt>
                <c:pt idx="256">
                  <c:v>55.62</c:v>
                </c:pt>
                <c:pt idx="257">
                  <c:v>48.710468930558747</c:v>
                </c:pt>
                <c:pt idx="258">
                  <c:v>48.187175929671277</c:v>
                </c:pt>
                <c:pt idx="259">
                  <c:v>48.232360316239571</c:v>
                </c:pt>
                <c:pt idx="260">
                  <c:v>47.443106460174434</c:v>
                </c:pt>
                <c:pt idx="261">
                  <c:v>38.450000000000003</c:v>
                </c:pt>
                <c:pt idx="262">
                  <c:v>37.33542702042724</c:v>
                </c:pt>
                <c:pt idx="263">
                  <c:v>38.337040978520065</c:v>
                </c:pt>
                <c:pt idx="264">
                  <c:v>42.47635461667241</c:v>
                </c:pt>
                <c:pt idx="265">
                  <c:v>42.872339978930633</c:v>
                </c:pt>
                <c:pt idx="266">
                  <c:v>41.632482568451984</c:v>
                </c:pt>
                <c:pt idx="267">
                  <c:v>41.622190947510795</c:v>
                </c:pt>
                <c:pt idx="268">
                  <c:v>43.113812014283376</c:v>
                </c:pt>
                <c:pt idx="269">
                  <c:v>45.245150267112898</c:v>
                </c:pt>
                <c:pt idx="270">
                  <c:v>48.241830691920399</c:v>
                </c:pt>
                <c:pt idx="271">
                  <c:v>49.452888093707109</c:v>
                </c:pt>
                <c:pt idx="272">
                  <c:v>48.061644251245667</c:v>
                </c:pt>
                <c:pt idx="273">
                  <c:v>45.981423858160085</c:v>
                </c:pt>
                <c:pt idx="274">
                  <c:v>48.189947190592328</c:v>
                </c:pt>
                <c:pt idx="275">
                  <c:v>49.164540597425543</c:v>
                </c:pt>
                <c:pt idx="276">
                  <c:v>52.082627932757184</c:v>
                </c:pt>
                <c:pt idx="277">
                  <c:v>54.829082460895009</c:v>
                </c:pt>
                <c:pt idx="278">
                  <c:v>52.265241823498293</c:v>
                </c:pt>
                <c:pt idx="279">
                  <c:v>55.020816329297922</c:v>
                </c:pt>
                <c:pt idx="280">
                  <c:v>58.35</c:v>
                </c:pt>
                <c:pt idx="281">
                  <c:v>59.08</c:v>
                </c:pt>
                <c:pt idx="282">
                  <c:v>59.08</c:v>
                </c:pt>
                <c:pt idx="283">
                  <c:v>59.980000000000004</c:v>
                </c:pt>
                <c:pt idx="284">
                  <c:v>57.870000000000005</c:v>
                </c:pt>
                <c:pt idx="285">
                  <c:v>58.01</c:v>
                </c:pt>
                <c:pt idx="286">
                  <c:v>58.95</c:v>
                </c:pt>
                <c:pt idx="287">
                  <c:v>55.95</c:v>
                </c:pt>
                <c:pt idx="288">
                  <c:v>54.88</c:v>
                </c:pt>
                <c:pt idx="289">
                  <c:v>53.12</c:v>
                </c:pt>
                <c:pt idx="290">
                  <c:v>49.910000000000004</c:v>
                </c:pt>
                <c:pt idx="291">
                  <c:v>50.57</c:v>
                </c:pt>
                <c:pt idx="292">
                  <c:v>54.6</c:v>
                </c:pt>
                <c:pt idx="293">
                  <c:v>59.42</c:v>
                </c:pt>
                <c:pt idx="294">
                  <c:v>58.7</c:v>
                </c:pt>
                <c:pt idx="295">
                  <c:v>55.09</c:v>
                </c:pt>
                <c:pt idx="296">
                  <c:v>56.7</c:v>
                </c:pt>
                <c:pt idx="297">
                  <c:v>55.08</c:v>
                </c:pt>
                <c:pt idx="298">
                  <c:v>56.15</c:v>
                </c:pt>
                <c:pt idx="299">
                  <c:v>59.65</c:v>
                </c:pt>
                <c:pt idx="300">
                  <c:v>62.29</c:v>
                </c:pt>
                <c:pt idx="301">
                  <c:v>61.78</c:v>
                </c:pt>
                <c:pt idx="302">
                  <c:v>61.76</c:v>
                </c:pt>
                <c:pt idx="303">
                  <c:v>61.300000000000004</c:v>
                </c:pt>
                <c:pt idx="304">
                  <c:v>56.17</c:v>
                </c:pt>
                <c:pt idx="305">
                  <c:v>55.32</c:v>
                </c:pt>
                <c:pt idx="306">
                  <c:v>56.74</c:v>
                </c:pt>
                <c:pt idx="307">
                  <c:v>58.96</c:v>
                </c:pt>
                <c:pt idx="308">
                  <c:v>63.18</c:v>
                </c:pt>
                <c:pt idx="309">
                  <c:v>63.8</c:v>
                </c:pt>
                <c:pt idx="310">
                  <c:v>64.3</c:v>
                </c:pt>
                <c:pt idx="311">
                  <c:v>64.5</c:v>
                </c:pt>
                <c:pt idx="312" formatCode="0">
                  <c:v>67.099999999999994</c:v>
                </c:pt>
                <c:pt idx="313" formatCode="0.00">
                  <c:v>66.63</c:v>
                </c:pt>
                <c:pt idx="314" formatCode="0.00">
                  <c:v>65.460000000000008</c:v>
                </c:pt>
                <c:pt idx="315" formatCode="0.00">
                  <c:v>64.88</c:v>
                </c:pt>
                <c:pt idx="316" formatCode="0.00">
                  <c:v>65.23</c:v>
                </c:pt>
                <c:pt idx="317" formatCode="0.00">
                  <c:v>67.040000000000006</c:v>
                </c:pt>
                <c:pt idx="318" formatCode="0.00">
                  <c:v>67.430000000000007</c:v>
                </c:pt>
                <c:pt idx="319" formatCode="0.00">
                  <c:v>66.47</c:v>
                </c:pt>
                <c:pt idx="320" formatCode="0.00">
                  <c:v>66.790000000000006</c:v>
                </c:pt>
                <c:pt idx="321" formatCode="0.00">
                  <c:v>64.89</c:v>
                </c:pt>
                <c:pt idx="322" formatCode="0.00">
                  <c:v>61.11</c:v>
                </c:pt>
                <c:pt idx="323" formatCode="0.00">
                  <c:v>61.04</c:v>
                </c:pt>
                <c:pt idx="324" formatCode="0.00">
                  <c:v>60.61</c:v>
                </c:pt>
                <c:pt idx="325" formatCode="0.00">
                  <c:v>63.47</c:v>
                </c:pt>
                <c:pt idx="326" formatCode="0.00">
                  <c:v>66.099999999999994</c:v>
                </c:pt>
                <c:pt idx="327" formatCode="0.00">
                  <c:v>66.95</c:v>
                </c:pt>
                <c:pt idx="328" formatCode="0.00">
                  <c:v>63.33</c:v>
                </c:pt>
                <c:pt idx="329" formatCode="0.00">
                  <c:v>60.99</c:v>
                </c:pt>
                <c:pt idx="330" formatCode="0.00">
                  <c:v>57.88</c:v>
                </c:pt>
                <c:pt idx="331" formatCode="0.00">
                  <c:v>59.63</c:v>
                </c:pt>
                <c:pt idx="332" formatCode="0.00">
                  <c:v>63.190000000000005</c:v>
                </c:pt>
                <c:pt idx="333" formatCode="0.00">
                  <c:v>62.2</c:v>
                </c:pt>
                <c:pt idx="334" formatCode="0.00">
                  <c:v>58.7</c:v>
                </c:pt>
                <c:pt idx="335" formatCode="0.00">
                  <c:v>56.77</c:v>
                </c:pt>
                <c:pt idx="336" formatCode="0.00">
                  <c:v>56.89</c:v>
                </c:pt>
                <c:pt idx="337" formatCode="0.00">
                  <c:v>55.29</c:v>
                </c:pt>
                <c:pt idx="338" formatCode="0.00">
                  <c:v>59.15</c:v>
                </c:pt>
                <c:pt idx="339" formatCode="0.00">
                  <c:v>58.33</c:v>
                </c:pt>
                <c:pt idx="340" formatCode="0.00">
                  <c:v>60.59</c:v>
                </c:pt>
                <c:pt idx="341" formatCode="0.00">
                  <c:v>61.410000000000004</c:v>
                </c:pt>
                <c:pt idx="342" formatCode="0.00">
                  <c:v>65.36</c:v>
                </c:pt>
                <c:pt idx="343" formatCode="0.00">
                  <c:v>65.73</c:v>
                </c:pt>
                <c:pt idx="344" formatCode="0.00">
                  <c:v>64.8</c:v>
                </c:pt>
                <c:pt idx="345" formatCode="0.00">
                  <c:v>64.7</c:v>
                </c:pt>
                <c:pt idx="346" formatCode="0.00">
                  <c:v>66.19</c:v>
                </c:pt>
                <c:pt idx="347" formatCode="0.00">
                  <c:v>72.88</c:v>
                </c:pt>
                <c:pt idx="348" formatCode="0.00">
                  <c:v>72.06</c:v>
                </c:pt>
                <c:pt idx="349" formatCode="0.00">
                  <c:v>71.25</c:v>
                </c:pt>
                <c:pt idx="350" formatCode="0.00">
                  <c:v>71.260000000000005</c:v>
                </c:pt>
                <c:pt idx="351" formatCode="0.00">
                  <c:v>72</c:v>
                </c:pt>
                <c:pt idx="352" formatCode="0.00">
                  <c:v>69.08</c:v>
                </c:pt>
                <c:pt idx="353" formatCode="0.00">
                  <c:v>69.900000000000006</c:v>
                </c:pt>
                <c:pt idx="354" formatCode="0.00">
                  <c:v>70.58</c:v>
                </c:pt>
                <c:pt idx="355" formatCode="0.00">
                  <c:v>72.87</c:v>
                </c:pt>
                <c:pt idx="356" formatCode="0.00">
                  <c:v>74.14</c:v>
                </c:pt>
                <c:pt idx="357" formatCode="0.00">
                  <c:v>76.58</c:v>
                </c:pt>
                <c:pt idx="358" formatCode="0.00">
                  <c:v>76.5</c:v>
                </c:pt>
                <c:pt idx="359" formatCode="0.00">
                  <c:v>77.2</c:v>
                </c:pt>
                <c:pt idx="360" formatCode="0.00">
                  <c:v>76.48</c:v>
                </c:pt>
                <c:pt idx="361" formatCode="0.00">
                  <c:v>76.83</c:v>
                </c:pt>
                <c:pt idx="362">
                  <c:v>76.150000000000006</c:v>
                </c:pt>
                <c:pt idx="363">
                  <c:v>78.040000000000006</c:v>
                </c:pt>
                <c:pt idx="364">
                  <c:v>81.290000000000006</c:v>
                </c:pt>
                <c:pt idx="365">
                  <c:v>81.93</c:v>
                </c:pt>
                <c:pt idx="366">
                  <c:v>82.83</c:v>
                </c:pt>
                <c:pt idx="367">
                  <c:v>82.350000000000009</c:v>
                </c:pt>
                <c:pt idx="368">
                  <c:v>85.48</c:v>
                </c:pt>
                <c:pt idx="369">
                  <c:v>84.15</c:v>
                </c:pt>
                <c:pt idx="370">
                  <c:v>76.67</c:v>
                </c:pt>
                <c:pt idx="371">
                  <c:v>78.900000000000006</c:v>
                </c:pt>
                <c:pt idx="372">
                  <c:v>82.59</c:v>
                </c:pt>
                <c:pt idx="373">
                  <c:v>79.09</c:v>
                </c:pt>
                <c:pt idx="374">
                  <c:v>78.260000000000005</c:v>
                </c:pt>
                <c:pt idx="375">
                  <c:v>78.2</c:v>
                </c:pt>
                <c:pt idx="376">
                  <c:v>83.05</c:v>
                </c:pt>
                <c:pt idx="377">
                  <c:v>83.43</c:v>
                </c:pt>
                <c:pt idx="378">
                  <c:v>82.26</c:v>
                </c:pt>
                <c:pt idx="379">
                  <c:v>87.600000000000009</c:v>
                </c:pt>
                <c:pt idx="380">
                  <c:v>88.34</c:v>
                </c:pt>
                <c:pt idx="381">
                  <c:v>89.34</c:v>
                </c:pt>
                <c:pt idx="382">
                  <c:v>88.850000000000009</c:v>
                </c:pt>
                <c:pt idx="383">
                  <c:v>92.12</c:v>
                </c:pt>
                <c:pt idx="384">
                  <c:v>93.98</c:v>
                </c:pt>
                <c:pt idx="385">
                  <c:v>91.52</c:v>
                </c:pt>
                <c:pt idx="386">
                  <c:v>90.4</c:v>
                </c:pt>
                <c:pt idx="387">
                  <c:v>89.9</c:v>
                </c:pt>
                <c:pt idx="388">
                  <c:v>86.93</c:v>
                </c:pt>
                <c:pt idx="389">
                  <c:v>87.18</c:v>
                </c:pt>
                <c:pt idx="390">
                  <c:v>90.88</c:v>
                </c:pt>
                <c:pt idx="391">
                  <c:v>90.210000000000008</c:v>
                </c:pt>
                <c:pt idx="392">
                  <c:v>88.12</c:v>
                </c:pt>
                <c:pt idx="393">
                  <c:v>87.27</c:v>
                </c:pt>
                <c:pt idx="394">
                  <c:v>89.91</c:v>
                </c:pt>
                <c:pt idx="395">
                  <c:v>88.06</c:v>
                </c:pt>
                <c:pt idx="396">
                  <c:v>87.960000000000008</c:v>
                </c:pt>
                <c:pt idx="397">
                  <c:v>86.97</c:v>
                </c:pt>
                <c:pt idx="398">
                  <c:v>90.94</c:v>
                </c:pt>
                <c:pt idx="399">
                  <c:v>92.36</c:v>
                </c:pt>
                <c:pt idx="400">
                  <c:v>91.19</c:v>
                </c:pt>
                <c:pt idx="401">
                  <c:v>90.83</c:v>
                </c:pt>
                <c:pt idx="402">
                  <c:v>91.65</c:v>
                </c:pt>
                <c:pt idx="403">
                  <c:v>96.16</c:v>
                </c:pt>
                <c:pt idx="404">
                  <c:v>98.77</c:v>
                </c:pt>
                <c:pt idx="405">
                  <c:v>95.73</c:v>
                </c:pt>
                <c:pt idx="406">
                  <c:v>95.26</c:v>
                </c:pt>
                <c:pt idx="407">
                  <c:v>94.69</c:v>
                </c:pt>
                <c:pt idx="408">
                  <c:v>89.9</c:v>
                </c:pt>
                <c:pt idx="409">
                  <c:v>88.320000000000007</c:v>
                </c:pt>
                <c:pt idx="410">
                  <c:v>85.2</c:v>
                </c:pt>
                <c:pt idx="411">
                  <c:v>79.23</c:v>
                </c:pt>
                <c:pt idx="412">
                  <c:v>74.94</c:v>
                </c:pt>
                <c:pt idx="413">
                  <c:v>76.680000000000007</c:v>
                </c:pt>
                <c:pt idx="414">
                  <c:v>75.3</c:v>
                </c:pt>
                <c:pt idx="415">
                  <c:v>69.67</c:v>
                </c:pt>
                <c:pt idx="416">
                  <c:v>67.489999999999995</c:v>
                </c:pt>
                <c:pt idx="417">
                  <c:v>72.150000000000006</c:v>
                </c:pt>
                <c:pt idx="418">
                  <c:v>77.56</c:v>
                </c:pt>
                <c:pt idx="419">
                  <c:v>77.52</c:v>
                </c:pt>
                <c:pt idx="420">
                  <c:v>76.8</c:v>
                </c:pt>
                <c:pt idx="421">
                  <c:v>77.69</c:v>
                </c:pt>
                <c:pt idx="422">
                  <c:v>77.75</c:v>
                </c:pt>
                <c:pt idx="423">
                  <c:v>81.98</c:v>
                </c:pt>
                <c:pt idx="424">
                  <c:v>82.54</c:v>
                </c:pt>
                <c:pt idx="425">
                  <c:v>81.44</c:v>
                </c:pt>
                <c:pt idx="426">
                  <c:v>80.3</c:v>
                </c:pt>
                <c:pt idx="427">
                  <c:v>80.8</c:v>
                </c:pt>
                <c:pt idx="428">
                  <c:v>80.55</c:v>
                </c:pt>
                <c:pt idx="429">
                  <c:v>80.78</c:v>
                </c:pt>
                <c:pt idx="430">
                  <c:v>82.75</c:v>
                </c:pt>
                <c:pt idx="431">
                  <c:v>84.55</c:v>
                </c:pt>
                <c:pt idx="432">
                  <c:v>84.69</c:v>
                </c:pt>
                <c:pt idx="433">
                  <c:v>84.68</c:v>
                </c:pt>
                <c:pt idx="434">
                  <c:v>85.31</c:v>
                </c:pt>
                <c:pt idx="435">
                  <c:v>84.97</c:v>
                </c:pt>
                <c:pt idx="436">
                  <c:v>87.98</c:v>
                </c:pt>
                <c:pt idx="437">
                  <c:v>81.31</c:v>
                </c:pt>
                <c:pt idx="438">
                  <c:v>77.22</c:v>
                </c:pt>
                <c:pt idx="439">
                  <c:v>75.47</c:v>
                </c:pt>
                <c:pt idx="440">
                  <c:v>75.489999999999995</c:v>
                </c:pt>
                <c:pt idx="441">
                  <c:v>79.069999999999993</c:v>
                </c:pt>
                <c:pt idx="442">
                  <c:v>80.59</c:v>
                </c:pt>
                <c:pt idx="443">
                  <c:v>78.7</c:v>
                </c:pt>
                <c:pt idx="444">
                  <c:v>82.9</c:v>
                </c:pt>
                <c:pt idx="445" formatCode="0.00">
                  <c:v>79.319999999999993</c:v>
                </c:pt>
                <c:pt idx="446">
                  <c:v>80.06</c:v>
                </c:pt>
                <c:pt idx="447">
                  <c:v>78.12</c:v>
                </c:pt>
                <c:pt idx="448">
                  <c:v>74.459999999999994</c:v>
                </c:pt>
                <c:pt idx="449">
                  <c:v>75.64</c:v>
                </c:pt>
                <c:pt idx="450">
                  <c:v>75.89</c:v>
                </c:pt>
                <c:pt idx="451">
                  <c:v>76.400000000000006</c:v>
                </c:pt>
                <c:pt idx="452">
                  <c:v>77.34</c:v>
                </c:pt>
                <c:pt idx="453">
                  <c:v>76.66</c:v>
                </c:pt>
                <c:pt idx="454">
                  <c:v>83.15</c:v>
                </c:pt>
                <c:pt idx="455">
                  <c:v>81.19</c:v>
                </c:pt>
                <c:pt idx="456">
                  <c:v>78.349999999999994</c:v>
                </c:pt>
                <c:pt idx="457">
                  <c:v>80.12</c:v>
                </c:pt>
                <c:pt idx="458">
                  <c:v>79.05</c:v>
                </c:pt>
                <c:pt idx="459">
                  <c:v>80.03</c:v>
                </c:pt>
                <c:pt idx="460">
                  <c:v>77.94</c:v>
                </c:pt>
                <c:pt idx="461">
                  <c:v>78.03</c:v>
                </c:pt>
                <c:pt idx="462">
                  <c:v>78.36</c:v>
                </c:pt>
                <c:pt idx="463">
                  <c:v>78.19</c:v>
                </c:pt>
                <c:pt idx="464">
                  <c:v>78.239999999999995</c:v>
                </c:pt>
                <c:pt idx="465">
                  <c:v>78.290000000000006</c:v>
                </c:pt>
                <c:pt idx="466">
                  <c:v>79.78</c:v>
                </c:pt>
                <c:pt idx="467">
                  <c:v>82.16</c:v>
                </c:pt>
                <c:pt idx="468">
                  <c:v>83.44</c:v>
                </c:pt>
                <c:pt idx="469">
                  <c:v>84.02</c:v>
                </c:pt>
                <c:pt idx="470">
                  <c:v>79.040000000000006</c:v>
                </c:pt>
                <c:pt idx="471">
                  <c:v>76.63</c:v>
                </c:pt>
                <c:pt idx="472">
                  <c:v>72.709999999999994</c:v>
                </c:pt>
                <c:pt idx="473">
                  <c:v>66.209999999999994</c:v>
                </c:pt>
                <c:pt idx="474">
                  <c:v>66.349999999999994</c:v>
                </c:pt>
                <c:pt idx="475">
                  <c:v>67.489999999999995</c:v>
                </c:pt>
                <c:pt idx="476">
                  <c:v>67.05</c:v>
                </c:pt>
                <c:pt idx="477">
                  <c:v>58.37</c:v>
                </c:pt>
                <c:pt idx="478">
                  <c:v>54.32</c:v>
                </c:pt>
                <c:pt idx="479">
                  <c:v>42.19</c:v>
                </c:pt>
                <c:pt idx="480">
                  <c:v>30.07</c:v>
                </c:pt>
                <c:pt idx="481">
                  <c:v>31.01</c:v>
                </c:pt>
                <c:pt idx="482">
                  <c:v>29.92</c:v>
                </c:pt>
                <c:pt idx="483">
                  <c:v>25.64</c:v>
                </c:pt>
                <c:pt idx="484">
                  <c:v>26.74</c:v>
                </c:pt>
                <c:pt idx="485">
                  <c:v>17.04</c:v>
                </c:pt>
                <c:pt idx="486">
                  <c:v>19.89</c:v>
                </c:pt>
                <c:pt idx="487">
                  <c:v>26.17</c:v>
                </c:pt>
                <c:pt idx="488">
                  <c:v>30.38</c:v>
                </c:pt>
                <c:pt idx="489">
                  <c:v>34.89</c:v>
                </c:pt>
                <c:pt idx="490">
                  <c:v>35.36</c:v>
                </c:pt>
                <c:pt idx="491" formatCode="0.00">
                  <c:v>41.27</c:v>
                </c:pt>
                <c:pt idx="492">
                  <c:v>40.44</c:v>
                </c:pt>
                <c:pt idx="493">
                  <c:v>45.51</c:v>
                </c:pt>
                <c:pt idx="494">
                  <c:v>41.82</c:v>
                </c:pt>
                <c:pt idx="495">
                  <c:v>44.76</c:v>
                </c:pt>
                <c:pt idx="496">
                  <c:v>45.58</c:v>
                </c:pt>
                <c:pt idx="497">
                  <c:v>45.09</c:v>
                </c:pt>
                <c:pt idx="498">
                  <c:v>46.32</c:v>
                </c:pt>
                <c:pt idx="499">
                  <c:v>45.24</c:v>
                </c:pt>
                <c:pt idx="500">
                  <c:v>45.38</c:v>
                </c:pt>
                <c:pt idx="501">
                  <c:v>45.11</c:v>
                </c:pt>
                <c:pt idx="502">
                  <c:v>43.95</c:v>
                </c:pt>
                <c:pt idx="503">
                  <c:v>44.53</c:v>
                </c:pt>
                <c:pt idx="504">
                  <c:v>41.93</c:v>
                </c:pt>
                <c:pt idx="505">
                  <c:v>39.450000000000003</c:v>
                </c:pt>
                <c:pt idx="506">
                  <c:v>42.66</c:v>
                </c:pt>
                <c:pt idx="507">
                  <c:v>41.86</c:v>
                </c:pt>
                <c:pt idx="508">
                  <c:v>40.28</c:v>
                </c:pt>
                <c:pt idx="509">
                  <c:v>44.78</c:v>
                </c:pt>
                <c:pt idx="510">
                  <c:v>44.83</c:v>
                </c:pt>
                <c:pt idx="511">
                  <c:v>44.65</c:v>
                </c:pt>
                <c:pt idx="512">
                  <c:v>41.55</c:v>
                </c:pt>
                <c:pt idx="513">
                  <c:v>44.16</c:v>
                </c:pt>
                <c:pt idx="514">
                  <c:v>45.87</c:v>
                </c:pt>
                <c:pt idx="515">
                  <c:v>48.62</c:v>
                </c:pt>
                <c:pt idx="516">
                  <c:v>52.52</c:v>
                </c:pt>
                <c:pt idx="517">
                  <c:v>54.1</c:v>
                </c:pt>
                <c:pt idx="518">
                  <c:v>55.01</c:v>
                </c:pt>
                <c:pt idx="519">
                  <c:v>57.94</c:v>
                </c:pt>
                <c:pt idx="520">
                  <c:v>56.81</c:v>
                </c:pt>
                <c:pt idx="521">
                  <c:v>56.46</c:v>
                </c:pt>
                <c:pt idx="522">
                  <c:v>59.88</c:v>
                </c:pt>
                <c:pt idx="523">
                  <c:v>60.49</c:v>
                </c:pt>
                <c:pt idx="524">
                  <c:v>59.19</c:v>
                </c:pt>
                <c:pt idx="525">
                  <c:v>59.44</c:v>
                </c:pt>
                <c:pt idx="526">
                  <c:v>64.319999999999993</c:v>
                </c:pt>
                <c:pt idx="527">
                  <c:v>66.17</c:v>
                </c:pt>
                <c:pt idx="528">
                  <c:v>68.25</c:v>
                </c:pt>
                <c:pt idx="529">
                  <c:v>69.98</c:v>
                </c:pt>
                <c:pt idx="530">
                  <c:v>72.209999999999994</c:v>
                </c:pt>
                <c:pt idx="531">
                  <c:v>72.900000000000006</c:v>
                </c:pt>
                <c:pt idx="532">
                  <c:v>67.22</c:v>
                </c:pt>
                <c:pt idx="533">
                  <c:v>66.92</c:v>
                </c:pt>
                <c:pt idx="534">
                  <c:v>66.58</c:v>
                </c:pt>
                <c:pt idx="535">
                  <c:v>66.89</c:v>
                </c:pt>
                <c:pt idx="536">
                  <c:v>70.89</c:v>
                </c:pt>
                <c:pt idx="537">
                  <c:v>69.91</c:v>
                </c:pt>
                <c:pt idx="538">
                  <c:v>71.5</c:v>
                </c:pt>
                <c:pt idx="539">
                  <c:v>73.39</c:v>
                </c:pt>
                <c:pt idx="540">
                  <c:v>73.36</c:v>
                </c:pt>
                <c:pt idx="541">
                  <c:v>71.28</c:v>
                </c:pt>
                <c:pt idx="542">
                  <c:v>73.849999999999994</c:v>
                </c:pt>
                <c:pt idx="543">
                  <c:v>76.38</c:v>
                </c:pt>
                <c:pt idx="544">
                  <c:v>77.400000000000006</c:v>
                </c:pt>
                <c:pt idx="545">
                  <c:v>77.34</c:v>
                </c:pt>
                <c:pt idx="546">
                  <c:v>79.58</c:v>
                </c:pt>
                <c:pt idx="547">
                  <c:v>80.53</c:v>
                </c:pt>
                <c:pt idx="548">
                  <c:v>80.36</c:v>
                </c:pt>
                <c:pt idx="549">
                  <c:v>78.8</c:v>
                </c:pt>
                <c:pt idx="550">
                  <c:v>79.53</c:v>
                </c:pt>
                <c:pt idx="551">
                  <c:v>83.1</c:v>
                </c:pt>
                <c:pt idx="552">
                  <c:v>77.64</c:v>
                </c:pt>
                <c:pt idx="553">
                  <c:v>77</c:v>
                </c:pt>
                <c:pt idx="554">
                  <c:v>71.25</c:v>
                </c:pt>
                <c:pt idx="555">
                  <c:v>79.19</c:v>
                </c:pt>
                <c:pt idx="556">
                  <c:v>80.83</c:v>
                </c:pt>
                <c:pt idx="557">
                  <c:v>80.45</c:v>
                </c:pt>
                <c:pt idx="558">
                  <c:v>83.24</c:v>
                </c:pt>
                <c:pt idx="559">
                  <c:v>86.52</c:v>
                </c:pt>
                <c:pt idx="560">
                  <c:v>89.34</c:v>
                </c:pt>
                <c:pt idx="561">
                  <c:v>94.56</c:v>
                </c:pt>
                <c:pt idx="562">
                  <c:v>98.04</c:v>
                </c:pt>
                <c:pt idx="563">
                  <c:v>96.77</c:v>
                </c:pt>
                <c:pt idx="564">
                  <c:v>95.52</c:v>
                </c:pt>
                <c:pt idx="565">
                  <c:v>94.43</c:v>
                </c:pt>
                <c:pt idx="566">
                  <c:v>92.73</c:v>
                </c:pt>
                <c:pt idx="567">
                  <c:v>88.71</c:v>
                </c:pt>
                <c:pt idx="568">
                  <c:v>86.9</c:v>
                </c:pt>
                <c:pt idx="569">
                  <c:v>82.22</c:v>
                </c:pt>
                <c:pt idx="570">
                  <c:v>87.4</c:v>
                </c:pt>
                <c:pt idx="571">
                  <c:v>86.69</c:v>
                </c:pt>
                <c:pt idx="572">
                  <c:v>89.04</c:v>
                </c:pt>
                <c:pt idx="573">
                  <c:v>91.41</c:v>
                </c:pt>
                <c:pt idx="574">
                  <c:v>97.41</c:v>
                </c:pt>
                <c:pt idx="575">
                  <c:v>102.87</c:v>
                </c:pt>
                <c:pt idx="576">
                  <c:v>103.01</c:v>
                </c:pt>
                <c:pt idx="577">
                  <c:v>105.7</c:v>
                </c:pt>
                <c:pt idx="578">
                  <c:v>111.73</c:v>
                </c:pt>
                <c:pt idx="579">
                  <c:v>111.17</c:v>
                </c:pt>
                <c:pt idx="580">
                  <c:v>107.08</c:v>
                </c:pt>
                <c:pt idx="581">
                  <c:v>111.13</c:v>
                </c:pt>
                <c:pt idx="582">
                  <c:v>141.69999999999999</c:v>
                </c:pt>
                <c:pt idx="583">
                  <c:v>132.86000000000001</c:v>
                </c:pt>
                <c:pt idx="628" formatCode="General">
                  <c:v>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B3B5-4FB2-8B01-147A07633578}"/>
            </c:ext>
          </c:extLst>
        </c:ser>
        <c:ser>
          <c:idx val="1"/>
          <c:order val="1"/>
          <c:tx>
            <c:v>Crude Oil Price (Brent)</c:v>
          </c:tx>
          <c:spPr>
            <a:ln w="38100">
              <a:solidFill>
                <a:srgbClr val="F04632"/>
              </a:solidFill>
            </a:ln>
          </c:spPr>
          <c:marker>
            <c:symbol val="none"/>
          </c:marker>
          <c:cat>
            <c:numRef>
              <c:f>'LC JFP'!$B$469:$B$1095</c:f>
              <c:numCache>
                <c:formatCode>ddd\,\ d\ mmm\ yy</c:formatCode>
                <c:ptCount val="627"/>
                <c:pt idx="0">
                  <c:v>40550</c:v>
                </c:pt>
                <c:pt idx="1">
                  <c:v>40557</c:v>
                </c:pt>
                <c:pt idx="2">
                  <c:v>40564</c:v>
                </c:pt>
                <c:pt idx="3">
                  <c:v>40571</c:v>
                </c:pt>
                <c:pt idx="4">
                  <c:v>40578</c:v>
                </c:pt>
                <c:pt idx="5">
                  <c:v>40585</c:v>
                </c:pt>
                <c:pt idx="6">
                  <c:v>40592</c:v>
                </c:pt>
                <c:pt idx="7">
                  <c:v>40599</c:v>
                </c:pt>
                <c:pt idx="8">
                  <c:v>40606</c:v>
                </c:pt>
                <c:pt idx="9">
                  <c:v>40613</c:v>
                </c:pt>
                <c:pt idx="10">
                  <c:v>40620</c:v>
                </c:pt>
                <c:pt idx="11">
                  <c:v>40627</c:v>
                </c:pt>
                <c:pt idx="12">
                  <c:v>40634</c:v>
                </c:pt>
                <c:pt idx="13">
                  <c:v>40641</c:v>
                </c:pt>
                <c:pt idx="14">
                  <c:v>40648</c:v>
                </c:pt>
                <c:pt idx="15">
                  <c:v>40655</c:v>
                </c:pt>
                <c:pt idx="16">
                  <c:v>40662</c:v>
                </c:pt>
                <c:pt idx="17">
                  <c:v>40669</c:v>
                </c:pt>
                <c:pt idx="18">
                  <c:v>40676</c:v>
                </c:pt>
                <c:pt idx="19">
                  <c:v>40683</c:v>
                </c:pt>
                <c:pt idx="20">
                  <c:v>40690</c:v>
                </c:pt>
                <c:pt idx="21">
                  <c:v>40697</c:v>
                </c:pt>
                <c:pt idx="22">
                  <c:v>40704</c:v>
                </c:pt>
                <c:pt idx="23">
                  <c:v>40711</c:v>
                </c:pt>
                <c:pt idx="24">
                  <c:v>40718</c:v>
                </c:pt>
                <c:pt idx="25">
                  <c:v>40725</c:v>
                </c:pt>
                <c:pt idx="26">
                  <c:v>40732</c:v>
                </c:pt>
                <c:pt idx="27">
                  <c:v>40739</c:v>
                </c:pt>
                <c:pt idx="28">
                  <c:v>40746</c:v>
                </c:pt>
                <c:pt idx="29">
                  <c:v>40753</c:v>
                </c:pt>
                <c:pt idx="30">
                  <c:v>40760</c:v>
                </c:pt>
                <c:pt idx="31">
                  <c:v>40767</c:v>
                </c:pt>
                <c:pt idx="32">
                  <c:v>40774</c:v>
                </c:pt>
                <c:pt idx="33">
                  <c:v>40781</c:v>
                </c:pt>
                <c:pt idx="34">
                  <c:v>40788</c:v>
                </c:pt>
                <c:pt idx="35">
                  <c:v>40795</c:v>
                </c:pt>
                <c:pt idx="36">
                  <c:v>40802</c:v>
                </c:pt>
                <c:pt idx="37">
                  <c:v>40809</c:v>
                </c:pt>
                <c:pt idx="38">
                  <c:v>40816</c:v>
                </c:pt>
                <c:pt idx="39">
                  <c:v>40823</c:v>
                </c:pt>
                <c:pt idx="40">
                  <c:v>40830</c:v>
                </c:pt>
                <c:pt idx="41">
                  <c:v>40837</c:v>
                </c:pt>
                <c:pt idx="42">
                  <c:v>40844</c:v>
                </c:pt>
                <c:pt idx="43">
                  <c:v>40851</c:v>
                </c:pt>
                <c:pt idx="44">
                  <c:v>40858</c:v>
                </c:pt>
                <c:pt idx="45">
                  <c:v>40865</c:v>
                </c:pt>
                <c:pt idx="46">
                  <c:v>40872</c:v>
                </c:pt>
                <c:pt idx="47">
                  <c:v>40879</c:v>
                </c:pt>
                <c:pt idx="48">
                  <c:v>40886</c:v>
                </c:pt>
                <c:pt idx="49">
                  <c:v>40893</c:v>
                </c:pt>
                <c:pt idx="50">
                  <c:v>40900</c:v>
                </c:pt>
                <c:pt idx="51">
                  <c:v>40907</c:v>
                </c:pt>
                <c:pt idx="52">
                  <c:v>40914</c:v>
                </c:pt>
                <c:pt idx="53">
                  <c:v>40921</c:v>
                </c:pt>
                <c:pt idx="54">
                  <c:v>40928</c:v>
                </c:pt>
                <c:pt idx="55">
                  <c:v>40935</c:v>
                </c:pt>
                <c:pt idx="56">
                  <c:v>40942</c:v>
                </c:pt>
                <c:pt idx="57">
                  <c:v>40949</c:v>
                </c:pt>
                <c:pt idx="58">
                  <c:v>40956</c:v>
                </c:pt>
                <c:pt idx="59">
                  <c:v>40963</c:v>
                </c:pt>
                <c:pt idx="60">
                  <c:v>40970</c:v>
                </c:pt>
                <c:pt idx="61">
                  <c:v>40977</c:v>
                </c:pt>
                <c:pt idx="62">
                  <c:v>40984</c:v>
                </c:pt>
                <c:pt idx="63">
                  <c:v>40991</c:v>
                </c:pt>
                <c:pt idx="64">
                  <c:v>40998</c:v>
                </c:pt>
                <c:pt idx="65">
                  <c:v>41005</c:v>
                </c:pt>
                <c:pt idx="66">
                  <c:v>41012</c:v>
                </c:pt>
                <c:pt idx="67">
                  <c:v>41019</c:v>
                </c:pt>
                <c:pt idx="68">
                  <c:v>41026</c:v>
                </c:pt>
                <c:pt idx="69">
                  <c:v>41033</c:v>
                </c:pt>
                <c:pt idx="70">
                  <c:v>41040</c:v>
                </c:pt>
                <c:pt idx="71">
                  <c:v>41047</c:v>
                </c:pt>
                <c:pt idx="72">
                  <c:v>41054</c:v>
                </c:pt>
                <c:pt idx="73">
                  <c:v>41061</c:v>
                </c:pt>
                <c:pt idx="74">
                  <c:v>41068</c:v>
                </c:pt>
                <c:pt idx="75">
                  <c:v>41075</c:v>
                </c:pt>
                <c:pt idx="76">
                  <c:v>41082</c:v>
                </c:pt>
                <c:pt idx="77">
                  <c:v>41089</c:v>
                </c:pt>
                <c:pt idx="78">
                  <c:v>41096</c:v>
                </c:pt>
                <c:pt idx="79">
                  <c:v>41103</c:v>
                </c:pt>
                <c:pt idx="80">
                  <c:v>41110</c:v>
                </c:pt>
                <c:pt idx="81">
                  <c:v>41117</c:v>
                </c:pt>
                <c:pt idx="82">
                  <c:v>41124</c:v>
                </c:pt>
                <c:pt idx="83">
                  <c:v>41131</c:v>
                </c:pt>
                <c:pt idx="84">
                  <c:v>41138</c:v>
                </c:pt>
                <c:pt idx="85">
                  <c:v>41145</c:v>
                </c:pt>
                <c:pt idx="86">
                  <c:v>41152</c:v>
                </c:pt>
                <c:pt idx="87">
                  <c:v>41159</c:v>
                </c:pt>
                <c:pt idx="88">
                  <c:v>41166</c:v>
                </c:pt>
                <c:pt idx="89">
                  <c:v>41173</c:v>
                </c:pt>
                <c:pt idx="90">
                  <c:v>41180</c:v>
                </c:pt>
                <c:pt idx="91">
                  <c:v>41187</c:v>
                </c:pt>
                <c:pt idx="92">
                  <c:v>41194</c:v>
                </c:pt>
                <c:pt idx="93">
                  <c:v>41201</c:v>
                </c:pt>
                <c:pt idx="94">
                  <c:v>41208</c:v>
                </c:pt>
                <c:pt idx="95">
                  <c:v>41215</c:v>
                </c:pt>
                <c:pt idx="96">
                  <c:v>41222</c:v>
                </c:pt>
                <c:pt idx="97">
                  <c:v>41229</c:v>
                </c:pt>
                <c:pt idx="98">
                  <c:v>41236</c:v>
                </c:pt>
                <c:pt idx="99">
                  <c:v>41243</c:v>
                </c:pt>
                <c:pt idx="100">
                  <c:v>41250</c:v>
                </c:pt>
                <c:pt idx="101">
                  <c:v>41257</c:v>
                </c:pt>
                <c:pt idx="102">
                  <c:v>41264</c:v>
                </c:pt>
                <c:pt idx="103">
                  <c:v>41271</c:v>
                </c:pt>
                <c:pt idx="104">
                  <c:v>41278</c:v>
                </c:pt>
                <c:pt idx="105">
                  <c:v>41285</c:v>
                </c:pt>
                <c:pt idx="106">
                  <c:v>41292</c:v>
                </c:pt>
                <c:pt idx="107">
                  <c:v>41299</c:v>
                </c:pt>
                <c:pt idx="108">
                  <c:v>41306</c:v>
                </c:pt>
                <c:pt idx="109">
                  <c:v>41313</c:v>
                </c:pt>
                <c:pt idx="110">
                  <c:v>41320</c:v>
                </c:pt>
                <c:pt idx="111">
                  <c:v>41327</c:v>
                </c:pt>
                <c:pt idx="112">
                  <c:v>41334</c:v>
                </c:pt>
                <c:pt idx="113">
                  <c:v>41341</c:v>
                </c:pt>
                <c:pt idx="114">
                  <c:v>41348</c:v>
                </c:pt>
                <c:pt idx="115">
                  <c:v>41355</c:v>
                </c:pt>
                <c:pt idx="116">
                  <c:v>41362</c:v>
                </c:pt>
                <c:pt idx="117">
                  <c:v>41369</c:v>
                </c:pt>
                <c:pt idx="118">
                  <c:v>41376</c:v>
                </c:pt>
                <c:pt idx="119">
                  <c:v>41383</c:v>
                </c:pt>
                <c:pt idx="120">
                  <c:v>41390</c:v>
                </c:pt>
                <c:pt idx="121">
                  <c:v>41397</c:v>
                </c:pt>
                <c:pt idx="122">
                  <c:v>41404</c:v>
                </c:pt>
                <c:pt idx="123">
                  <c:v>41411</c:v>
                </c:pt>
                <c:pt idx="124">
                  <c:v>41418</c:v>
                </c:pt>
                <c:pt idx="125">
                  <c:v>41425</c:v>
                </c:pt>
                <c:pt idx="126">
                  <c:v>41432</c:v>
                </c:pt>
                <c:pt idx="127">
                  <c:v>41439</c:v>
                </c:pt>
                <c:pt idx="128">
                  <c:v>41446</c:v>
                </c:pt>
                <c:pt idx="129">
                  <c:v>41453</c:v>
                </c:pt>
                <c:pt idx="130">
                  <c:v>41460</c:v>
                </c:pt>
                <c:pt idx="131">
                  <c:v>41467</c:v>
                </c:pt>
                <c:pt idx="132">
                  <c:v>41474</c:v>
                </c:pt>
                <c:pt idx="133">
                  <c:v>41481</c:v>
                </c:pt>
                <c:pt idx="134">
                  <c:v>41488</c:v>
                </c:pt>
                <c:pt idx="135">
                  <c:v>41495</c:v>
                </c:pt>
                <c:pt idx="136">
                  <c:v>41502</c:v>
                </c:pt>
                <c:pt idx="137">
                  <c:v>41509</c:v>
                </c:pt>
                <c:pt idx="138">
                  <c:v>41516</c:v>
                </c:pt>
                <c:pt idx="139">
                  <c:v>41523</c:v>
                </c:pt>
                <c:pt idx="140">
                  <c:v>41530</c:v>
                </c:pt>
                <c:pt idx="141">
                  <c:v>41537</c:v>
                </c:pt>
                <c:pt idx="142">
                  <c:v>41544</c:v>
                </c:pt>
                <c:pt idx="143">
                  <c:v>41551</c:v>
                </c:pt>
                <c:pt idx="144">
                  <c:v>41558</c:v>
                </c:pt>
                <c:pt idx="145">
                  <c:v>41565</c:v>
                </c:pt>
                <c:pt idx="146">
                  <c:v>41572</c:v>
                </c:pt>
                <c:pt idx="147">
                  <c:v>41579</c:v>
                </c:pt>
                <c:pt idx="148">
                  <c:v>41586</c:v>
                </c:pt>
                <c:pt idx="149">
                  <c:v>41593</c:v>
                </c:pt>
                <c:pt idx="150">
                  <c:v>41600</c:v>
                </c:pt>
                <c:pt idx="151">
                  <c:v>41607</c:v>
                </c:pt>
                <c:pt idx="152">
                  <c:v>41614</c:v>
                </c:pt>
                <c:pt idx="153">
                  <c:v>41621</c:v>
                </c:pt>
                <c:pt idx="154">
                  <c:v>41628</c:v>
                </c:pt>
                <c:pt idx="155">
                  <c:v>41635</c:v>
                </c:pt>
                <c:pt idx="156">
                  <c:v>41642</c:v>
                </c:pt>
                <c:pt idx="157">
                  <c:v>41649</c:v>
                </c:pt>
                <c:pt idx="158">
                  <c:v>41656</c:v>
                </c:pt>
                <c:pt idx="159">
                  <c:v>41663</c:v>
                </c:pt>
                <c:pt idx="160">
                  <c:v>41670</c:v>
                </c:pt>
                <c:pt idx="161">
                  <c:v>41677</c:v>
                </c:pt>
                <c:pt idx="162">
                  <c:v>41684</c:v>
                </c:pt>
                <c:pt idx="163">
                  <c:v>41691</c:v>
                </c:pt>
                <c:pt idx="164">
                  <c:v>41698</c:v>
                </c:pt>
                <c:pt idx="165">
                  <c:v>41705</c:v>
                </c:pt>
                <c:pt idx="166">
                  <c:v>41712</c:v>
                </c:pt>
                <c:pt idx="167">
                  <c:v>41719</c:v>
                </c:pt>
                <c:pt idx="168">
                  <c:v>41726</c:v>
                </c:pt>
                <c:pt idx="169">
                  <c:v>41733</c:v>
                </c:pt>
                <c:pt idx="170">
                  <c:v>41740</c:v>
                </c:pt>
                <c:pt idx="171">
                  <c:v>41747</c:v>
                </c:pt>
                <c:pt idx="172">
                  <c:v>41754</c:v>
                </c:pt>
                <c:pt idx="173">
                  <c:v>41761</c:v>
                </c:pt>
                <c:pt idx="174">
                  <c:v>41768</c:v>
                </c:pt>
                <c:pt idx="175">
                  <c:v>41775</c:v>
                </c:pt>
                <c:pt idx="176">
                  <c:v>41782</c:v>
                </c:pt>
                <c:pt idx="177">
                  <c:v>41789</c:v>
                </c:pt>
                <c:pt idx="178">
                  <c:v>41796</c:v>
                </c:pt>
                <c:pt idx="179">
                  <c:v>41803</c:v>
                </c:pt>
                <c:pt idx="180">
                  <c:v>41810</c:v>
                </c:pt>
                <c:pt idx="181">
                  <c:v>41817</c:v>
                </c:pt>
                <c:pt idx="182">
                  <c:v>41824</c:v>
                </c:pt>
                <c:pt idx="183">
                  <c:v>41831</c:v>
                </c:pt>
                <c:pt idx="184">
                  <c:v>41838</c:v>
                </c:pt>
                <c:pt idx="185">
                  <c:v>41845</c:v>
                </c:pt>
                <c:pt idx="186">
                  <c:v>41852</c:v>
                </c:pt>
                <c:pt idx="187">
                  <c:v>41859</c:v>
                </c:pt>
                <c:pt idx="188">
                  <c:v>41866</c:v>
                </c:pt>
                <c:pt idx="189">
                  <c:v>41873</c:v>
                </c:pt>
                <c:pt idx="190">
                  <c:v>41880</c:v>
                </c:pt>
                <c:pt idx="191">
                  <c:v>41887</c:v>
                </c:pt>
                <c:pt idx="192">
                  <c:v>41894</c:v>
                </c:pt>
                <c:pt idx="193">
                  <c:v>41901</c:v>
                </c:pt>
                <c:pt idx="194">
                  <c:v>41908</c:v>
                </c:pt>
                <c:pt idx="195">
                  <c:v>41915</c:v>
                </c:pt>
                <c:pt idx="196">
                  <c:v>41922</c:v>
                </c:pt>
                <c:pt idx="197">
                  <c:v>41929</c:v>
                </c:pt>
                <c:pt idx="198">
                  <c:v>41936</c:v>
                </c:pt>
                <c:pt idx="199">
                  <c:v>41943</c:v>
                </c:pt>
                <c:pt idx="200">
                  <c:v>41950</c:v>
                </c:pt>
                <c:pt idx="201">
                  <c:v>41957</c:v>
                </c:pt>
                <c:pt idx="202">
                  <c:v>41964</c:v>
                </c:pt>
                <c:pt idx="203">
                  <c:v>41971</c:v>
                </c:pt>
                <c:pt idx="204">
                  <c:v>41978</c:v>
                </c:pt>
                <c:pt idx="205">
                  <c:v>41985</c:v>
                </c:pt>
                <c:pt idx="206">
                  <c:v>41992</c:v>
                </c:pt>
                <c:pt idx="207">
                  <c:v>41999</c:v>
                </c:pt>
                <c:pt idx="208">
                  <c:v>42006</c:v>
                </c:pt>
                <c:pt idx="209">
                  <c:v>42013</c:v>
                </c:pt>
                <c:pt idx="210">
                  <c:v>42020</c:v>
                </c:pt>
                <c:pt idx="211">
                  <c:v>42027</c:v>
                </c:pt>
                <c:pt idx="212">
                  <c:v>42034</c:v>
                </c:pt>
                <c:pt idx="213">
                  <c:v>42041</c:v>
                </c:pt>
                <c:pt idx="214">
                  <c:v>42048</c:v>
                </c:pt>
                <c:pt idx="215">
                  <c:v>42055</c:v>
                </c:pt>
                <c:pt idx="216">
                  <c:v>42062</c:v>
                </c:pt>
                <c:pt idx="217">
                  <c:v>42069</c:v>
                </c:pt>
                <c:pt idx="218">
                  <c:v>42076</c:v>
                </c:pt>
                <c:pt idx="219">
                  <c:v>42083</c:v>
                </c:pt>
                <c:pt idx="220">
                  <c:v>42090</c:v>
                </c:pt>
                <c:pt idx="221">
                  <c:v>42097</c:v>
                </c:pt>
                <c:pt idx="222">
                  <c:v>42104</c:v>
                </c:pt>
                <c:pt idx="223">
                  <c:v>42111</c:v>
                </c:pt>
                <c:pt idx="224">
                  <c:v>42118</c:v>
                </c:pt>
                <c:pt idx="225">
                  <c:v>42125</c:v>
                </c:pt>
                <c:pt idx="226">
                  <c:v>42132</c:v>
                </c:pt>
                <c:pt idx="227">
                  <c:v>42139</c:v>
                </c:pt>
                <c:pt idx="228">
                  <c:v>42146</c:v>
                </c:pt>
                <c:pt idx="229">
                  <c:v>42153</c:v>
                </c:pt>
                <c:pt idx="230">
                  <c:v>42160</c:v>
                </c:pt>
                <c:pt idx="231">
                  <c:v>42167</c:v>
                </c:pt>
                <c:pt idx="232">
                  <c:v>42174</c:v>
                </c:pt>
                <c:pt idx="233">
                  <c:v>42181</c:v>
                </c:pt>
                <c:pt idx="234">
                  <c:v>42188</c:v>
                </c:pt>
                <c:pt idx="235">
                  <c:v>42195</c:v>
                </c:pt>
                <c:pt idx="236">
                  <c:v>42202</c:v>
                </c:pt>
                <c:pt idx="237">
                  <c:v>42209</c:v>
                </c:pt>
                <c:pt idx="238">
                  <c:v>42216</c:v>
                </c:pt>
                <c:pt idx="239">
                  <c:v>42223</c:v>
                </c:pt>
                <c:pt idx="240">
                  <c:v>42230</c:v>
                </c:pt>
                <c:pt idx="241">
                  <c:v>42237</c:v>
                </c:pt>
                <c:pt idx="242">
                  <c:v>42244</c:v>
                </c:pt>
                <c:pt idx="243">
                  <c:v>42251</c:v>
                </c:pt>
                <c:pt idx="244">
                  <c:v>42258</c:v>
                </c:pt>
                <c:pt idx="245">
                  <c:v>42265</c:v>
                </c:pt>
                <c:pt idx="246">
                  <c:v>42272</c:v>
                </c:pt>
                <c:pt idx="247">
                  <c:v>42279</c:v>
                </c:pt>
                <c:pt idx="248">
                  <c:v>42286</c:v>
                </c:pt>
                <c:pt idx="249">
                  <c:v>42293</c:v>
                </c:pt>
                <c:pt idx="250">
                  <c:v>42300</c:v>
                </c:pt>
                <c:pt idx="251">
                  <c:v>42307</c:v>
                </c:pt>
                <c:pt idx="252">
                  <c:v>42314</c:v>
                </c:pt>
                <c:pt idx="253">
                  <c:v>42321</c:v>
                </c:pt>
                <c:pt idx="254">
                  <c:v>42328</c:v>
                </c:pt>
                <c:pt idx="255">
                  <c:v>42335</c:v>
                </c:pt>
                <c:pt idx="256">
                  <c:v>42342</c:v>
                </c:pt>
                <c:pt idx="257">
                  <c:v>42349</c:v>
                </c:pt>
                <c:pt idx="258">
                  <c:v>42356</c:v>
                </c:pt>
                <c:pt idx="259">
                  <c:v>42363</c:v>
                </c:pt>
                <c:pt idx="260">
                  <c:v>42370</c:v>
                </c:pt>
                <c:pt idx="261">
                  <c:v>42377</c:v>
                </c:pt>
                <c:pt idx="262">
                  <c:v>42384</c:v>
                </c:pt>
                <c:pt idx="263">
                  <c:v>42391</c:v>
                </c:pt>
                <c:pt idx="264">
                  <c:v>42398</c:v>
                </c:pt>
                <c:pt idx="265">
                  <c:v>42405</c:v>
                </c:pt>
                <c:pt idx="266">
                  <c:v>42412</c:v>
                </c:pt>
                <c:pt idx="267">
                  <c:v>42419</c:v>
                </c:pt>
                <c:pt idx="268">
                  <c:v>42426</c:v>
                </c:pt>
                <c:pt idx="269">
                  <c:v>42433</c:v>
                </c:pt>
                <c:pt idx="270">
                  <c:v>42440</c:v>
                </c:pt>
                <c:pt idx="271">
                  <c:v>42447</c:v>
                </c:pt>
                <c:pt idx="272">
                  <c:v>42454</c:v>
                </c:pt>
                <c:pt idx="273">
                  <c:v>42461</c:v>
                </c:pt>
                <c:pt idx="274">
                  <c:v>42468</c:v>
                </c:pt>
                <c:pt idx="275">
                  <c:v>42475</c:v>
                </c:pt>
                <c:pt idx="276">
                  <c:v>42482</c:v>
                </c:pt>
                <c:pt idx="277">
                  <c:v>42489</c:v>
                </c:pt>
                <c:pt idx="278">
                  <c:v>42496</c:v>
                </c:pt>
                <c:pt idx="279">
                  <c:v>42503</c:v>
                </c:pt>
                <c:pt idx="280">
                  <c:v>42510</c:v>
                </c:pt>
                <c:pt idx="281">
                  <c:v>42517</c:v>
                </c:pt>
                <c:pt idx="282">
                  <c:v>42524</c:v>
                </c:pt>
                <c:pt idx="283">
                  <c:v>42531</c:v>
                </c:pt>
                <c:pt idx="284">
                  <c:v>42538</c:v>
                </c:pt>
                <c:pt idx="285">
                  <c:v>42545</c:v>
                </c:pt>
                <c:pt idx="286">
                  <c:v>42552</c:v>
                </c:pt>
                <c:pt idx="287">
                  <c:v>42559</c:v>
                </c:pt>
                <c:pt idx="288">
                  <c:v>42566</c:v>
                </c:pt>
                <c:pt idx="289">
                  <c:v>42573</c:v>
                </c:pt>
                <c:pt idx="290">
                  <c:v>42580</c:v>
                </c:pt>
                <c:pt idx="291">
                  <c:v>42587</c:v>
                </c:pt>
                <c:pt idx="292">
                  <c:v>42594</c:v>
                </c:pt>
                <c:pt idx="293">
                  <c:v>42601</c:v>
                </c:pt>
                <c:pt idx="294">
                  <c:v>42608</c:v>
                </c:pt>
                <c:pt idx="295">
                  <c:v>42615</c:v>
                </c:pt>
                <c:pt idx="296">
                  <c:v>42622</c:v>
                </c:pt>
                <c:pt idx="297">
                  <c:v>42629</c:v>
                </c:pt>
                <c:pt idx="298">
                  <c:v>42636</c:v>
                </c:pt>
                <c:pt idx="299">
                  <c:v>42643</c:v>
                </c:pt>
                <c:pt idx="300">
                  <c:v>42650</c:v>
                </c:pt>
                <c:pt idx="301">
                  <c:v>42657</c:v>
                </c:pt>
                <c:pt idx="302">
                  <c:v>42664</c:v>
                </c:pt>
                <c:pt idx="303">
                  <c:v>42671</c:v>
                </c:pt>
                <c:pt idx="304">
                  <c:v>42678</c:v>
                </c:pt>
                <c:pt idx="305">
                  <c:v>42685</c:v>
                </c:pt>
                <c:pt idx="306">
                  <c:v>42692</c:v>
                </c:pt>
                <c:pt idx="307">
                  <c:v>42699</c:v>
                </c:pt>
                <c:pt idx="308">
                  <c:v>42706</c:v>
                </c:pt>
                <c:pt idx="309">
                  <c:v>42713</c:v>
                </c:pt>
                <c:pt idx="310">
                  <c:v>42720</c:v>
                </c:pt>
                <c:pt idx="311">
                  <c:v>42727</c:v>
                </c:pt>
                <c:pt idx="312">
                  <c:v>42734</c:v>
                </c:pt>
                <c:pt idx="313">
                  <c:v>42741</c:v>
                </c:pt>
                <c:pt idx="314">
                  <c:v>42748</c:v>
                </c:pt>
                <c:pt idx="315">
                  <c:v>42755</c:v>
                </c:pt>
                <c:pt idx="316">
                  <c:v>42762</c:v>
                </c:pt>
                <c:pt idx="317">
                  <c:v>42769</c:v>
                </c:pt>
                <c:pt idx="318">
                  <c:v>42776</c:v>
                </c:pt>
                <c:pt idx="319">
                  <c:v>42783</c:v>
                </c:pt>
                <c:pt idx="320">
                  <c:v>42790</c:v>
                </c:pt>
                <c:pt idx="321">
                  <c:v>42797</c:v>
                </c:pt>
                <c:pt idx="322">
                  <c:v>42804</c:v>
                </c:pt>
                <c:pt idx="323">
                  <c:v>42811</c:v>
                </c:pt>
                <c:pt idx="324">
                  <c:v>42818</c:v>
                </c:pt>
                <c:pt idx="325">
                  <c:v>42825</c:v>
                </c:pt>
                <c:pt idx="326">
                  <c:v>42832</c:v>
                </c:pt>
                <c:pt idx="327">
                  <c:v>42839</c:v>
                </c:pt>
                <c:pt idx="328">
                  <c:v>42846</c:v>
                </c:pt>
                <c:pt idx="329">
                  <c:v>42853</c:v>
                </c:pt>
                <c:pt idx="330">
                  <c:v>42860</c:v>
                </c:pt>
                <c:pt idx="331">
                  <c:v>42867</c:v>
                </c:pt>
                <c:pt idx="332">
                  <c:v>42874</c:v>
                </c:pt>
                <c:pt idx="333">
                  <c:v>42881</c:v>
                </c:pt>
                <c:pt idx="334">
                  <c:v>42888</c:v>
                </c:pt>
                <c:pt idx="335">
                  <c:v>42895</c:v>
                </c:pt>
                <c:pt idx="336">
                  <c:v>42902</c:v>
                </c:pt>
                <c:pt idx="337">
                  <c:v>42909</c:v>
                </c:pt>
                <c:pt idx="338">
                  <c:v>42916</c:v>
                </c:pt>
                <c:pt idx="339">
                  <c:v>42923</c:v>
                </c:pt>
                <c:pt idx="340">
                  <c:v>42930</c:v>
                </c:pt>
                <c:pt idx="341">
                  <c:v>42937</c:v>
                </c:pt>
                <c:pt idx="342">
                  <c:v>42944</c:v>
                </c:pt>
                <c:pt idx="343">
                  <c:v>42951</c:v>
                </c:pt>
                <c:pt idx="344">
                  <c:v>42958</c:v>
                </c:pt>
                <c:pt idx="345">
                  <c:v>42965</c:v>
                </c:pt>
                <c:pt idx="346">
                  <c:v>42972</c:v>
                </c:pt>
                <c:pt idx="347">
                  <c:v>42979</c:v>
                </c:pt>
                <c:pt idx="348">
                  <c:v>42986</c:v>
                </c:pt>
                <c:pt idx="349">
                  <c:v>42993</c:v>
                </c:pt>
                <c:pt idx="350">
                  <c:v>43000</c:v>
                </c:pt>
                <c:pt idx="351">
                  <c:v>43007</c:v>
                </c:pt>
                <c:pt idx="352">
                  <c:v>43014</c:v>
                </c:pt>
                <c:pt idx="353">
                  <c:v>43021</c:v>
                </c:pt>
                <c:pt idx="354">
                  <c:v>43028</c:v>
                </c:pt>
                <c:pt idx="355">
                  <c:v>43035</c:v>
                </c:pt>
                <c:pt idx="356">
                  <c:v>43042</c:v>
                </c:pt>
                <c:pt idx="357">
                  <c:v>43049</c:v>
                </c:pt>
                <c:pt idx="358">
                  <c:v>43056</c:v>
                </c:pt>
                <c:pt idx="359">
                  <c:v>43063</c:v>
                </c:pt>
                <c:pt idx="360">
                  <c:v>43070</c:v>
                </c:pt>
                <c:pt idx="361">
                  <c:v>43077</c:v>
                </c:pt>
                <c:pt idx="362">
                  <c:v>43084</c:v>
                </c:pt>
                <c:pt idx="363">
                  <c:v>43091</c:v>
                </c:pt>
                <c:pt idx="364">
                  <c:v>43098</c:v>
                </c:pt>
                <c:pt idx="365">
                  <c:v>43105</c:v>
                </c:pt>
                <c:pt idx="366">
                  <c:v>43112</c:v>
                </c:pt>
                <c:pt idx="367">
                  <c:v>43119</c:v>
                </c:pt>
                <c:pt idx="368">
                  <c:v>43126</c:v>
                </c:pt>
                <c:pt idx="369">
                  <c:v>43133</c:v>
                </c:pt>
                <c:pt idx="370">
                  <c:v>43140</c:v>
                </c:pt>
                <c:pt idx="371">
                  <c:v>43147</c:v>
                </c:pt>
                <c:pt idx="372">
                  <c:v>43154</c:v>
                </c:pt>
                <c:pt idx="373">
                  <c:v>43161</c:v>
                </c:pt>
                <c:pt idx="374">
                  <c:v>43168</c:v>
                </c:pt>
                <c:pt idx="375">
                  <c:v>43175</c:v>
                </c:pt>
                <c:pt idx="376">
                  <c:v>43182</c:v>
                </c:pt>
                <c:pt idx="377">
                  <c:v>43189</c:v>
                </c:pt>
                <c:pt idx="378">
                  <c:v>43196</c:v>
                </c:pt>
                <c:pt idx="379">
                  <c:v>43203</c:v>
                </c:pt>
                <c:pt idx="380">
                  <c:v>43210</c:v>
                </c:pt>
                <c:pt idx="381">
                  <c:v>43217</c:v>
                </c:pt>
                <c:pt idx="382">
                  <c:v>43224</c:v>
                </c:pt>
                <c:pt idx="383">
                  <c:v>43231</c:v>
                </c:pt>
                <c:pt idx="384">
                  <c:v>43238</c:v>
                </c:pt>
                <c:pt idx="385">
                  <c:v>43245</c:v>
                </c:pt>
                <c:pt idx="386">
                  <c:v>43252</c:v>
                </c:pt>
                <c:pt idx="387">
                  <c:v>43259</c:v>
                </c:pt>
                <c:pt idx="388">
                  <c:v>43266</c:v>
                </c:pt>
                <c:pt idx="389">
                  <c:v>43273</c:v>
                </c:pt>
                <c:pt idx="390">
                  <c:v>43280</c:v>
                </c:pt>
                <c:pt idx="391">
                  <c:v>43287</c:v>
                </c:pt>
                <c:pt idx="392">
                  <c:v>43294</c:v>
                </c:pt>
                <c:pt idx="393">
                  <c:v>43301</c:v>
                </c:pt>
                <c:pt idx="394">
                  <c:v>43308</c:v>
                </c:pt>
                <c:pt idx="395">
                  <c:v>43315</c:v>
                </c:pt>
                <c:pt idx="396">
                  <c:v>43322</c:v>
                </c:pt>
                <c:pt idx="397">
                  <c:v>43329</c:v>
                </c:pt>
                <c:pt idx="398">
                  <c:v>43336</c:v>
                </c:pt>
                <c:pt idx="399">
                  <c:v>43343</c:v>
                </c:pt>
                <c:pt idx="400">
                  <c:v>43350</c:v>
                </c:pt>
                <c:pt idx="401">
                  <c:v>43357</c:v>
                </c:pt>
                <c:pt idx="402">
                  <c:v>43364</c:v>
                </c:pt>
                <c:pt idx="403">
                  <c:v>43371</c:v>
                </c:pt>
                <c:pt idx="404">
                  <c:v>43378</c:v>
                </c:pt>
                <c:pt idx="405">
                  <c:v>43385</c:v>
                </c:pt>
                <c:pt idx="406">
                  <c:v>43392</c:v>
                </c:pt>
                <c:pt idx="407">
                  <c:v>43399</c:v>
                </c:pt>
                <c:pt idx="408">
                  <c:v>43406</c:v>
                </c:pt>
                <c:pt idx="409">
                  <c:v>43413</c:v>
                </c:pt>
                <c:pt idx="410">
                  <c:v>43420</c:v>
                </c:pt>
                <c:pt idx="411">
                  <c:v>43427</c:v>
                </c:pt>
                <c:pt idx="412">
                  <c:v>43434</c:v>
                </c:pt>
                <c:pt idx="413">
                  <c:v>43441</c:v>
                </c:pt>
                <c:pt idx="414">
                  <c:v>43448</c:v>
                </c:pt>
                <c:pt idx="415">
                  <c:v>43455</c:v>
                </c:pt>
                <c:pt idx="416">
                  <c:v>43462</c:v>
                </c:pt>
                <c:pt idx="417">
                  <c:v>43469</c:v>
                </c:pt>
                <c:pt idx="418">
                  <c:v>43476</c:v>
                </c:pt>
                <c:pt idx="419">
                  <c:v>43483</c:v>
                </c:pt>
                <c:pt idx="420">
                  <c:v>43490</c:v>
                </c:pt>
                <c:pt idx="421">
                  <c:v>43497</c:v>
                </c:pt>
                <c:pt idx="422">
                  <c:v>43504</c:v>
                </c:pt>
                <c:pt idx="423">
                  <c:v>43511</c:v>
                </c:pt>
                <c:pt idx="424">
                  <c:v>43518</c:v>
                </c:pt>
                <c:pt idx="425">
                  <c:v>43525</c:v>
                </c:pt>
                <c:pt idx="426">
                  <c:v>43532</c:v>
                </c:pt>
                <c:pt idx="427">
                  <c:v>43539</c:v>
                </c:pt>
                <c:pt idx="428">
                  <c:v>43546</c:v>
                </c:pt>
                <c:pt idx="429">
                  <c:v>43553</c:v>
                </c:pt>
                <c:pt idx="430">
                  <c:v>43560</c:v>
                </c:pt>
                <c:pt idx="431">
                  <c:v>43567</c:v>
                </c:pt>
                <c:pt idx="432">
                  <c:v>43573</c:v>
                </c:pt>
                <c:pt idx="433">
                  <c:v>43581</c:v>
                </c:pt>
                <c:pt idx="434">
                  <c:v>43588</c:v>
                </c:pt>
                <c:pt idx="435">
                  <c:v>43595</c:v>
                </c:pt>
                <c:pt idx="436">
                  <c:v>43602</c:v>
                </c:pt>
                <c:pt idx="437">
                  <c:v>43609</c:v>
                </c:pt>
                <c:pt idx="438">
                  <c:v>43616</c:v>
                </c:pt>
                <c:pt idx="439">
                  <c:v>43623</c:v>
                </c:pt>
                <c:pt idx="440">
                  <c:v>43630</c:v>
                </c:pt>
                <c:pt idx="441">
                  <c:v>43637</c:v>
                </c:pt>
                <c:pt idx="442">
                  <c:v>43644</c:v>
                </c:pt>
                <c:pt idx="443">
                  <c:v>43651</c:v>
                </c:pt>
                <c:pt idx="444">
                  <c:v>43658</c:v>
                </c:pt>
                <c:pt idx="445">
                  <c:v>43665</c:v>
                </c:pt>
                <c:pt idx="446">
                  <c:v>43672</c:v>
                </c:pt>
                <c:pt idx="447">
                  <c:v>43679</c:v>
                </c:pt>
                <c:pt idx="448">
                  <c:v>43686</c:v>
                </c:pt>
                <c:pt idx="449">
                  <c:v>43693</c:v>
                </c:pt>
                <c:pt idx="450">
                  <c:v>43700</c:v>
                </c:pt>
                <c:pt idx="451">
                  <c:v>43707</c:v>
                </c:pt>
                <c:pt idx="452">
                  <c:v>43714</c:v>
                </c:pt>
                <c:pt idx="453">
                  <c:v>43721</c:v>
                </c:pt>
                <c:pt idx="454">
                  <c:v>43728</c:v>
                </c:pt>
                <c:pt idx="455">
                  <c:v>43735</c:v>
                </c:pt>
                <c:pt idx="456">
                  <c:v>43742</c:v>
                </c:pt>
                <c:pt idx="457">
                  <c:v>43749</c:v>
                </c:pt>
                <c:pt idx="458">
                  <c:v>43756</c:v>
                </c:pt>
                <c:pt idx="459">
                  <c:v>43763</c:v>
                </c:pt>
                <c:pt idx="460">
                  <c:v>43770</c:v>
                </c:pt>
                <c:pt idx="461">
                  <c:v>43777</c:v>
                </c:pt>
                <c:pt idx="462">
                  <c:v>43784</c:v>
                </c:pt>
                <c:pt idx="463">
                  <c:v>43791</c:v>
                </c:pt>
                <c:pt idx="464">
                  <c:v>43798</c:v>
                </c:pt>
                <c:pt idx="465">
                  <c:v>43805</c:v>
                </c:pt>
                <c:pt idx="466">
                  <c:v>43812</c:v>
                </c:pt>
                <c:pt idx="467">
                  <c:v>43819</c:v>
                </c:pt>
                <c:pt idx="468">
                  <c:v>43826</c:v>
                </c:pt>
                <c:pt idx="469">
                  <c:v>43833</c:v>
                </c:pt>
                <c:pt idx="470">
                  <c:v>43840</c:v>
                </c:pt>
                <c:pt idx="471">
                  <c:v>43847</c:v>
                </c:pt>
                <c:pt idx="472">
                  <c:v>43854</c:v>
                </c:pt>
                <c:pt idx="473">
                  <c:v>43861</c:v>
                </c:pt>
                <c:pt idx="474">
                  <c:v>43868</c:v>
                </c:pt>
                <c:pt idx="475">
                  <c:v>43875</c:v>
                </c:pt>
                <c:pt idx="476">
                  <c:v>43882</c:v>
                </c:pt>
                <c:pt idx="477">
                  <c:v>43889</c:v>
                </c:pt>
                <c:pt idx="478">
                  <c:v>43896</c:v>
                </c:pt>
                <c:pt idx="479">
                  <c:v>43903</c:v>
                </c:pt>
                <c:pt idx="480">
                  <c:v>43910</c:v>
                </c:pt>
                <c:pt idx="481">
                  <c:v>43917</c:v>
                </c:pt>
                <c:pt idx="482">
                  <c:v>43924</c:v>
                </c:pt>
                <c:pt idx="483">
                  <c:v>43931</c:v>
                </c:pt>
                <c:pt idx="484">
                  <c:v>43938</c:v>
                </c:pt>
                <c:pt idx="485">
                  <c:v>43945</c:v>
                </c:pt>
                <c:pt idx="486">
                  <c:v>43952</c:v>
                </c:pt>
                <c:pt idx="487">
                  <c:v>43959</c:v>
                </c:pt>
                <c:pt idx="488">
                  <c:v>43966</c:v>
                </c:pt>
                <c:pt idx="489">
                  <c:v>43973</c:v>
                </c:pt>
                <c:pt idx="490">
                  <c:v>43980</c:v>
                </c:pt>
                <c:pt idx="491">
                  <c:v>43987</c:v>
                </c:pt>
                <c:pt idx="492">
                  <c:v>43994</c:v>
                </c:pt>
                <c:pt idx="493">
                  <c:v>44001</c:v>
                </c:pt>
                <c:pt idx="494">
                  <c:v>44008</c:v>
                </c:pt>
                <c:pt idx="495">
                  <c:v>44015</c:v>
                </c:pt>
                <c:pt idx="496">
                  <c:v>44022</c:v>
                </c:pt>
                <c:pt idx="497">
                  <c:v>44029</c:v>
                </c:pt>
                <c:pt idx="498">
                  <c:v>44036</c:v>
                </c:pt>
                <c:pt idx="499">
                  <c:v>44043</c:v>
                </c:pt>
                <c:pt idx="500">
                  <c:v>44050</c:v>
                </c:pt>
                <c:pt idx="501">
                  <c:v>44057</c:v>
                </c:pt>
                <c:pt idx="502">
                  <c:v>44064</c:v>
                </c:pt>
                <c:pt idx="503">
                  <c:v>44071</c:v>
                </c:pt>
                <c:pt idx="504">
                  <c:v>44078</c:v>
                </c:pt>
                <c:pt idx="505">
                  <c:v>44085</c:v>
                </c:pt>
                <c:pt idx="506">
                  <c:v>44092</c:v>
                </c:pt>
                <c:pt idx="507">
                  <c:v>44099</c:v>
                </c:pt>
                <c:pt idx="508">
                  <c:v>44106</c:v>
                </c:pt>
                <c:pt idx="509">
                  <c:v>44113</c:v>
                </c:pt>
                <c:pt idx="510">
                  <c:v>44120</c:v>
                </c:pt>
                <c:pt idx="511">
                  <c:v>44127</c:v>
                </c:pt>
                <c:pt idx="512">
                  <c:v>44134</c:v>
                </c:pt>
                <c:pt idx="513">
                  <c:v>44141</c:v>
                </c:pt>
                <c:pt idx="514">
                  <c:v>44148</c:v>
                </c:pt>
                <c:pt idx="515">
                  <c:v>44155</c:v>
                </c:pt>
                <c:pt idx="516">
                  <c:v>44162</c:v>
                </c:pt>
                <c:pt idx="517">
                  <c:v>44169</c:v>
                </c:pt>
                <c:pt idx="518">
                  <c:v>44176</c:v>
                </c:pt>
                <c:pt idx="519">
                  <c:v>44183</c:v>
                </c:pt>
                <c:pt idx="520">
                  <c:v>44188</c:v>
                </c:pt>
                <c:pt idx="521">
                  <c:v>44196</c:v>
                </c:pt>
                <c:pt idx="522">
                  <c:v>44204</c:v>
                </c:pt>
                <c:pt idx="523">
                  <c:v>44211</c:v>
                </c:pt>
                <c:pt idx="524">
                  <c:v>44218</c:v>
                </c:pt>
                <c:pt idx="525">
                  <c:v>44225</c:v>
                </c:pt>
                <c:pt idx="526">
                  <c:v>44232</c:v>
                </c:pt>
                <c:pt idx="527">
                  <c:v>44239</c:v>
                </c:pt>
                <c:pt idx="528">
                  <c:v>44246</c:v>
                </c:pt>
                <c:pt idx="529">
                  <c:v>44253</c:v>
                </c:pt>
                <c:pt idx="530">
                  <c:v>44260</c:v>
                </c:pt>
                <c:pt idx="531">
                  <c:v>44267</c:v>
                </c:pt>
                <c:pt idx="532">
                  <c:v>44274</c:v>
                </c:pt>
                <c:pt idx="533">
                  <c:v>44281</c:v>
                </c:pt>
                <c:pt idx="534">
                  <c:v>44288</c:v>
                </c:pt>
                <c:pt idx="535">
                  <c:v>44295</c:v>
                </c:pt>
                <c:pt idx="536">
                  <c:v>44302</c:v>
                </c:pt>
                <c:pt idx="537">
                  <c:v>44309</c:v>
                </c:pt>
                <c:pt idx="538">
                  <c:v>44316</c:v>
                </c:pt>
                <c:pt idx="539">
                  <c:v>44323</c:v>
                </c:pt>
                <c:pt idx="540">
                  <c:v>44330</c:v>
                </c:pt>
                <c:pt idx="541">
                  <c:v>44337</c:v>
                </c:pt>
                <c:pt idx="542">
                  <c:v>44344</c:v>
                </c:pt>
                <c:pt idx="543">
                  <c:v>44351</c:v>
                </c:pt>
                <c:pt idx="544">
                  <c:v>44358</c:v>
                </c:pt>
                <c:pt idx="545">
                  <c:v>44365</c:v>
                </c:pt>
                <c:pt idx="546">
                  <c:v>44372</c:v>
                </c:pt>
                <c:pt idx="547">
                  <c:v>44379</c:v>
                </c:pt>
                <c:pt idx="548">
                  <c:v>44386</c:v>
                </c:pt>
                <c:pt idx="549">
                  <c:v>44393</c:v>
                </c:pt>
                <c:pt idx="550">
                  <c:v>44400</c:v>
                </c:pt>
                <c:pt idx="551">
                  <c:v>44407</c:v>
                </c:pt>
                <c:pt idx="552">
                  <c:v>44414</c:v>
                </c:pt>
                <c:pt idx="553">
                  <c:v>44421</c:v>
                </c:pt>
                <c:pt idx="554">
                  <c:v>44428</c:v>
                </c:pt>
                <c:pt idx="555">
                  <c:v>44435</c:v>
                </c:pt>
                <c:pt idx="556">
                  <c:v>44442</c:v>
                </c:pt>
                <c:pt idx="557">
                  <c:v>44449</c:v>
                </c:pt>
                <c:pt idx="558">
                  <c:v>44456</c:v>
                </c:pt>
                <c:pt idx="559">
                  <c:v>44463</c:v>
                </c:pt>
                <c:pt idx="560">
                  <c:v>44470</c:v>
                </c:pt>
                <c:pt idx="561">
                  <c:v>44477</c:v>
                </c:pt>
                <c:pt idx="562">
                  <c:v>44484</c:v>
                </c:pt>
                <c:pt idx="563">
                  <c:v>44491</c:v>
                </c:pt>
                <c:pt idx="564">
                  <c:v>44498</c:v>
                </c:pt>
                <c:pt idx="565">
                  <c:v>44505</c:v>
                </c:pt>
                <c:pt idx="566">
                  <c:v>44512</c:v>
                </c:pt>
                <c:pt idx="567">
                  <c:v>44519</c:v>
                </c:pt>
                <c:pt idx="568">
                  <c:v>44526</c:v>
                </c:pt>
                <c:pt idx="569">
                  <c:v>44533</c:v>
                </c:pt>
                <c:pt idx="570">
                  <c:v>44540</c:v>
                </c:pt>
                <c:pt idx="571">
                  <c:v>44547</c:v>
                </c:pt>
                <c:pt idx="572">
                  <c:v>44554</c:v>
                </c:pt>
                <c:pt idx="573">
                  <c:v>44561</c:v>
                </c:pt>
                <c:pt idx="574">
                  <c:v>44568</c:v>
                </c:pt>
                <c:pt idx="575">
                  <c:v>44575</c:v>
                </c:pt>
                <c:pt idx="576">
                  <c:v>44582</c:v>
                </c:pt>
                <c:pt idx="577">
                  <c:v>44589</c:v>
                </c:pt>
                <c:pt idx="578">
                  <c:v>44596</c:v>
                </c:pt>
                <c:pt idx="579">
                  <c:v>44603</c:v>
                </c:pt>
                <c:pt idx="580">
                  <c:v>44610</c:v>
                </c:pt>
                <c:pt idx="581">
                  <c:v>44617</c:v>
                </c:pt>
                <c:pt idx="582">
                  <c:v>44624</c:v>
                </c:pt>
                <c:pt idx="583">
                  <c:v>44631</c:v>
                </c:pt>
                <c:pt idx="584">
                  <c:v>44638</c:v>
                </c:pt>
                <c:pt idx="585">
                  <c:v>44645</c:v>
                </c:pt>
                <c:pt idx="586">
                  <c:v>44652</c:v>
                </c:pt>
                <c:pt idx="587">
                  <c:v>44659</c:v>
                </c:pt>
                <c:pt idx="588">
                  <c:v>44666</c:v>
                </c:pt>
                <c:pt idx="589">
                  <c:v>44673</c:v>
                </c:pt>
                <c:pt idx="590">
                  <c:v>44680</c:v>
                </c:pt>
                <c:pt idx="591">
                  <c:v>44687</c:v>
                </c:pt>
                <c:pt idx="592">
                  <c:v>44694</c:v>
                </c:pt>
                <c:pt idx="593">
                  <c:v>44701</c:v>
                </c:pt>
                <c:pt idx="594">
                  <c:v>44708</c:v>
                </c:pt>
                <c:pt idx="595">
                  <c:v>44715</c:v>
                </c:pt>
                <c:pt idx="596">
                  <c:v>44722</c:v>
                </c:pt>
                <c:pt idx="597">
                  <c:v>44729</c:v>
                </c:pt>
                <c:pt idx="598">
                  <c:v>44736</c:v>
                </c:pt>
                <c:pt idx="599">
                  <c:v>44743</c:v>
                </c:pt>
                <c:pt idx="600">
                  <c:v>44750</c:v>
                </c:pt>
                <c:pt idx="601">
                  <c:v>44757</c:v>
                </c:pt>
                <c:pt idx="602">
                  <c:v>44764</c:v>
                </c:pt>
                <c:pt idx="603">
                  <c:v>44771</c:v>
                </c:pt>
                <c:pt idx="604">
                  <c:v>44778</c:v>
                </c:pt>
                <c:pt idx="605">
                  <c:v>44785</c:v>
                </c:pt>
                <c:pt idx="606">
                  <c:v>44792</c:v>
                </c:pt>
                <c:pt idx="607">
                  <c:v>44799</c:v>
                </c:pt>
                <c:pt idx="608">
                  <c:v>44806</c:v>
                </c:pt>
                <c:pt idx="609">
                  <c:v>44813</c:v>
                </c:pt>
                <c:pt idx="610">
                  <c:v>44820</c:v>
                </c:pt>
                <c:pt idx="611">
                  <c:v>44827</c:v>
                </c:pt>
                <c:pt idx="612">
                  <c:v>44834</c:v>
                </c:pt>
                <c:pt idx="613">
                  <c:v>44841</c:v>
                </c:pt>
                <c:pt idx="614">
                  <c:v>44848</c:v>
                </c:pt>
                <c:pt idx="615">
                  <c:v>44855</c:v>
                </c:pt>
                <c:pt idx="616">
                  <c:v>44862</c:v>
                </c:pt>
                <c:pt idx="617">
                  <c:v>44869</c:v>
                </c:pt>
                <c:pt idx="618">
                  <c:v>44876</c:v>
                </c:pt>
                <c:pt idx="619">
                  <c:v>44883</c:v>
                </c:pt>
                <c:pt idx="620">
                  <c:v>44890</c:v>
                </c:pt>
                <c:pt idx="621">
                  <c:v>44897</c:v>
                </c:pt>
                <c:pt idx="622">
                  <c:v>44904</c:v>
                </c:pt>
                <c:pt idx="623">
                  <c:v>44911</c:v>
                </c:pt>
                <c:pt idx="624">
                  <c:v>44918</c:v>
                </c:pt>
                <c:pt idx="625">
                  <c:v>44925</c:v>
                </c:pt>
                <c:pt idx="626">
                  <c:v>44932</c:v>
                </c:pt>
              </c:numCache>
            </c:numRef>
          </c:cat>
          <c:val>
            <c:numRef>
              <c:f>'LC JFP'!$I$469:$I$1056</c:f>
              <c:numCache>
                <c:formatCode>0.0</c:formatCode>
                <c:ptCount val="588"/>
                <c:pt idx="0">
                  <c:v>94.27</c:v>
                </c:pt>
                <c:pt idx="1">
                  <c:v>98.81</c:v>
                </c:pt>
                <c:pt idx="2">
                  <c:v>96.66</c:v>
                </c:pt>
                <c:pt idx="3">
                  <c:v>97.78</c:v>
                </c:pt>
                <c:pt idx="4">
                  <c:v>100.34</c:v>
                </c:pt>
                <c:pt idx="5">
                  <c:v>100.69</c:v>
                </c:pt>
                <c:pt idx="6">
                  <c:v>102.43</c:v>
                </c:pt>
                <c:pt idx="7">
                  <c:v>112.48</c:v>
                </c:pt>
                <c:pt idx="8">
                  <c:v>116.35</c:v>
                </c:pt>
                <c:pt idx="9">
                  <c:v>114.11</c:v>
                </c:pt>
                <c:pt idx="10">
                  <c:v>114.21</c:v>
                </c:pt>
                <c:pt idx="11">
                  <c:v>115.65</c:v>
                </c:pt>
                <c:pt idx="12">
                  <c:v>118.4</c:v>
                </c:pt>
                <c:pt idx="13">
                  <c:v>125.73</c:v>
                </c:pt>
                <c:pt idx="14">
                  <c:v>124.07</c:v>
                </c:pt>
                <c:pt idx="15">
                  <c:v>124.86</c:v>
                </c:pt>
                <c:pt idx="16">
                  <c:v>126.11</c:v>
                </c:pt>
                <c:pt idx="17">
                  <c:v>113.32</c:v>
                </c:pt>
                <c:pt idx="18">
                  <c:v>112.53</c:v>
                </c:pt>
                <c:pt idx="19">
                  <c:v>110.93</c:v>
                </c:pt>
                <c:pt idx="20">
                  <c:v>114.87</c:v>
                </c:pt>
                <c:pt idx="21">
                  <c:v>115.09</c:v>
                </c:pt>
                <c:pt idx="22">
                  <c:v>118.44</c:v>
                </c:pt>
                <c:pt idx="23">
                  <c:v>114.09</c:v>
                </c:pt>
                <c:pt idx="24">
                  <c:v>106.16</c:v>
                </c:pt>
                <c:pt idx="25">
                  <c:v>110.85</c:v>
                </c:pt>
                <c:pt idx="26">
                  <c:v>117.73</c:v>
                </c:pt>
                <c:pt idx="27">
                  <c:v>118.53</c:v>
                </c:pt>
                <c:pt idx="28">
                  <c:v>119.88</c:v>
                </c:pt>
                <c:pt idx="29">
                  <c:v>117.53</c:v>
                </c:pt>
                <c:pt idx="30">
                  <c:v>108.7</c:v>
                </c:pt>
                <c:pt idx="31">
                  <c:v>107.99</c:v>
                </c:pt>
                <c:pt idx="32">
                  <c:v>108.59</c:v>
                </c:pt>
                <c:pt idx="33">
                  <c:v>111.09</c:v>
                </c:pt>
                <c:pt idx="34">
                  <c:v>113.74</c:v>
                </c:pt>
                <c:pt idx="35">
                  <c:v>112.55</c:v>
                </c:pt>
                <c:pt idx="36">
                  <c:v>115.1</c:v>
                </c:pt>
                <c:pt idx="37">
                  <c:v>108.43</c:v>
                </c:pt>
                <c:pt idx="38">
                  <c:v>106.22</c:v>
                </c:pt>
                <c:pt idx="39">
                  <c:v>106.13</c:v>
                </c:pt>
                <c:pt idx="40">
                  <c:v>114.2</c:v>
                </c:pt>
                <c:pt idx="41">
                  <c:v>113.02</c:v>
                </c:pt>
                <c:pt idx="42">
                  <c:v>112.4</c:v>
                </c:pt>
                <c:pt idx="43">
                  <c:v>113.94</c:v>
                </c:pt>
                <c:pt idx="44">
                  <c:v>114.5</c:v>
                </c:pt>
                <c:pt idx="45">
                  <c:v>108.8</c:v>
                </c:pt>
                <c:pt idx="46">
                  <c:v>106.84</c:v>
                </c:pt>
                <c:pt idx="47">
                  <c:v>109.82</c:v>
                </c:pt>
                <c:pt idx="48">
                  <c:v>107.95</c:v>
                </c:pt>
                <c:pt idx="49">
                  <c:v>104.95</c:v>
                </c:pt>
                <c:pt idx="50">
                  <c:v>108.77</c:v>
                </c:pt>
                <c:pt idx="51">
                  <c:v>108.28</c:v>
                </c:pt>
                <c:pt idx="52">
                  <c:v>112.39</c:v>
                </c:pt>
                <c:pt idx="53">
                  <c:v>110.56</c:v>
                </c:pt>
                <c:pt idx="54">
                  <c:v>109.46</c:v>
                </c:pt>
                <c:pt idx="55">
                  <c:v>111.3</c:v>
                </c:pt>
                <c:pt idx="56">
                  <c:v>112.85</c:v>
                </c:pt>
                <c:pt idx="57">
                  <c:v>117.49</c:v>
                </c:pt>
                <c:pt idx="58">
                  <c:v>119.79</c:v>
                </c:pt>
                <c:pt idx="59">
                  <c:v>124.62</c:v>
                </c:pt>
                <c:pt idx="60">
                  <c:v>124.48</c:v>
                </c:pt>
                <c:pt idx="61">
                  <c:v>126.26</c:v>
                </c:pt>
                <c:pt idx="62">
                  <c:v>124.81</c:v>
                </c:pt>
                <c:pt idx="63">
                  <c:v>125.23</c:v>
                </c:pt>
                <c:pt idx="64">
                  <c:v>123.4</c:v>
                </c:pt>
                <c:pt idx="65">
                  <c:v>122.84</c:v>
                </c:pt>
                <c:pt idx="66">
                  <c:v>121.13</c:v>
                </c:pt>
                <c:pt idx="67">
                  <c:v>119.32</c:v>
                </c:pt>
                <c:pt idx="68">
                  <c:v>119.51</c:v>
                </c:pt>
                <c:pt idx="69">
                  <c:v>112.35</c:v>
                </c:pt>
                <c:pt idx="70">
                  <c:v>112.82</c:v>
                </c:pt>
                <c:pt idx="71">
                  <c:v>108.36</c:v>
                </c:pt>
                <c:pt idx="72">
                  <c:v>108.2</c:v>
                </c:pt>
                <c:pt idx="73">
                  <c:v>98.36</c:v>
                </c:pt>
                <c:pt idx="74">
                  <c:v>97.78</c:v>
                </c:pt>
                <c:pt idx="75">
                  <c:v>97.8</c:v>
                </c:pt>
                <c:pt idx="76">
                  <c:v>90.56</c:v>
                </c:pt>
                <c:pt idx="77">
                  <c:v>95.44</c:v>
                </c:pt>
                <c:pt idx="78">
                  <c:v>98.25</c:v>
                </c:pt>
                <c:pt idx="79">
                  <c:v>102.27</c:v>
                </c:pt>
                <c:pt idx="80">
                  <c:v>107.48</c:v>
                </c:pt>
                <c:pt idx="81">
                  <c:v>107.12</c:v>
                </c:pt>
                <c:pt idx="82">
                  <c:v>108.98</c:v>
                </c:pt>
                <c:pt idx="83">
                  <c:v>112.78</c:v>
                </c:pt>
                <c:pt idx="84">
                  <c:v>115.87</c:v>
                </c:pt>
                <c:pt idx="85">
                  <c:v>116.71</c:v>
                </c:pt>
                <c:pt idx="86">
                  <c:v>116.3</c:v>
                </c:pt>
                <c:pt idx="87">
                  <c:v>113.91</c:v>
                </c:pt>
                <c:pt idx="88">
                  <c:v>117.82</c:v>
                </c:pt>
                <c:pt idx="89">
                  <c:v>111.74</c:v>
                </c:pt>
                <c:pt idx="90">
                  <c:v>112.56</c:v>
                </c:pt>
                <c:pt idx="91">
                  <c:v>111.69</c:v>
                </c:pt>
                <c:pt idx="92">
                  <c:v>114.5</c:v>
                </c:pt>
                <c:pt idx="93">
                  <c:v>112.39</c:v>
                </c:pt>
                <c:pt idx="94">
                  <c:v>109.53</c:v>
                </c:pt>
                <c:pt idx="95">
                  <c:v>106.51</c:v>
                </c:pt>
                <c:pt idx="96">
                  <c:v>108.16</c:v>
                </c:pt>
                <c:pt idx="97">
                  <c:v>109.33</c:v>
                </c:pt>
                <c:pt idx="98">
                  <c:v>112.16</c:v>
                </c:pt>
                <c:pt idx="99">
                  <c:v>112.25</c:v>
                </c:pt>
                <c:pt idx="100">
                  <c:v>107.09</c:v>
                </c:pt>
                <c:pt idx="101">
                  <c:v>109</c:v>
                </c:pt>
                <c:pt idx="102">
                  <c:v>109.55</c:v>
                </c:pt>
                <c:pt idx="103">
                  <c:v>110.78</c:v>
                </c:pt>
                <c:pt idx="104">
                  <c:v>111.32</c:v>
                </c:pt>
                <c:pt idx="105">
                  <c:v>110.16</c:v>
                </c:pt>
                <c:pt idx="106">
                  <c:v>111.59</c:v>
                </c:pt>
                <c:pt idx="107">
                  <c:v>113.77</c:v>
                </c:pt>
                <c:pt idx="108">
                  <c:v>116.9</c:v>
                </c:pt>
                <c:pt idx="109">
                  <c:v>119.15</c:v>
                </c:pt>
                <c:pt idx="110">
                  <c:v>117.5</c:v>
                </c:pt>
                <c:pt idx="111">
                  <c:v>114.29</c:v>
                </c:pt>
                <c:pt idx="112">
                  <c:v>110.89</c:v>
                </c:pt>
                <c:pt idx="113">
                  <c:v>109.94</c:v>
                </c:pt>
                <c:pt idx="114">
                  <c:v>110.38</c:v>
                </c:pt>
                <c:pt idx="115">
                  <c:v>107.98</c:v>
                </c:pt>
                <c:pt idx="116">
                  <c:v>109.57</c:v>
                </c:pt>
                <c:pt idx="117">
                  <c:v>104.82</c:v>
                </c:pt>
                <c:pt idx="118">
                  <c:v>101.7</c:v>
                </c:pt>
                <c:pt idx="119">
                  <c:v>98.85</c:v>
                </c:pt>
                <c:pt idx="120">
                  <c:v>102.6</c:v>
                </c:pt>
                <c:pt idx="121">
                  <c:v>104.63</c:v>
                </c:pt>
                <c:pt idx="122">
                  <c:v>102.11</c:v>
                </c:pt>
                <c:pt idx="123">
                  <c:v>104.18</c:v>
                </c:pt>
                <c:pt idx="124">
                  <c:v>102</c:v>
                </c:pt>
                <c:pt idx="125">
                  <c:v>101.14</c:v>
                </c:pt>
                <c:pt idx="126">
                  <c:v>104.3</c:v>
                </c:pt>
                <c:pt idx="127">
                  <c:v>106.18</c:v>
                </c:pt>
                <c:pt idx="128">
                  <c:v>100.71</c:v>
                </c:pt>
                <c:pt idx="129">
                  <c:v>102.61</c:v>
                </c:pt>
                <c:pt idx="130">
                  <c:v>107.12</c:v>
                </c:pt>
                <c:pt idx="131">
                  <c:v>108.6</c:v>
                </c:pt>
                <c:pt idx="132">
                  <c:v>109.33</c:v>
                </c:pt>
                <c:pt idx="133">
                  <c:v>107.92</c:v>
                </c:pt>
                <c:pt idx="134">
                  <c:v>108.98</c:v>
                </c:pt>
                <c:pt idx="135">
                  <c:v>107.47</c:v>
                </c:pt>
                <c:pt idx="136">
                  <c:v>111.58</c:v>
                </c:pt>
                <c:pt idx="137">
                  <c:v>112.15</c:v>
                </c:pt>
                <c:pt idx="138">
                  <c:v>116.2</c:v>
                </c:pt>
                <c:pt idx="139">
                  <c:v>116.56</c:v>
                </c:pt>
                <c:pt idx="140">
                  <c:v>112.27</c:v>
                </c:pt>
                <c:pt idx="141">
                  <c:v>110.26</c:v>
                </c:pt>
                <c:pt idx="142">
                  <c:v>110.5</c:v>
                </c:pt>
                <c:pt idx="143">
                  <c:v>109.13</c:v>
                </c:pt>
                <c:pt idx="144">
                  <c:v>110.68</c:v>
                </c:pt>
                <c:pt idx="145">
                  <c:v>110.1</c:v>
                </c:pt>
                <c:pt idx="146">
                  <c:v>106.96</c:v>
                </c:pt>
                <c:pt idx="147">
                  <c:v>106.83</c:v>
                </c:pt>
                <c:pt idx="148">
                  <c:v>104.46</c:v>
                </c:pt>
                <c:pt idx="149">
                  <c:v>108.56</c:v>
                </c:pt>
                <c:pt idx="150">
                  <c:v>110.81</c:v>
                </c:pt>
                <c:pt idx="151">
                  <c:v>111.24</c:v>
                </c:pt>
                <c:pt idx="152">
                  <c:v>111.44</c:v>
                </c:pt>
                <c:pt idx="153">
                  <c:v>108.31</c:v>
                </c:pt>
                <c:pt idx="154">
                  <c:v>111.94</c:v>
                </c:pt>
                <c:pt idx="155">
                  <c:v>112.95</c:v>
                </c:pt>
                <c:pt idx="156">
                  <c:v>107.07</c:v>
                </c:pt>
                <c:pt idx="157">
                  <c:v>106.29</c:v>
                </c:pt>
                <c:pt idx="158">
                  <c:v>107.72</c:v>
                </c:pt>
                <c:pt idx="159">
                  <c:v>108.29</c:v>
                </c:pt>
                <c:pt idx="160">
                  <c:v>107.97</c:v>
                </c:pt>
                <c:pt idx="161">
                  <c:v>108.19</c:v>
                </c:pt>
                <c:pt idx="162">
                  <c:v>108.54</c:v>
                </c:pt>
                <c:pt idx="163">
                  <c:v>110.02</c:v>
                </c:pt>
                <c:pt idx="164">
                  <c:v>109.29</c:v>
                </c:pt>
                <c:pt idx="165">
                  <c:v>108.9</c:v>
                </c:pt>
                <c:pt idx="166">
                  <c:v>108.47</c:v>
                </c:pt>
                <c:pt idx="167">
                  <c:v>107.67</c:v>
                </c:pt>
                <c:pt idx="168">
                  <c:v>108.04</c:v>
                </c:pt>
                <c:pt idx="169">
                  <c:v>106.55</c:v>
                </c:pt>
                <c:pt idx="170">
                  <c:v>107.58</c:v>
                </c:pt>
                <c:pt idx="171">
                  <c:v>109.21</c:v>
                </c:pt>
                <c:pt idx="172">
                  <c:v>109.42</c:v>
                </c:pt>
                <c:pt idx="173">
                  <c:v>108.88</c:v>
                </c:pt>
                <c:pt idx="174">
                  <c:v>108.13</c:v>
                </c:pt>
                <c:pt idx="175">
                  <c:v>111.13</c:v>
                </c:pt>
                <c:pt idx="176">
                  <c:v>111.61</c:v>
                </c:pt>
                <c:pt idx="177">
                  <c:v>110.53</c:v>
                </c:pt>
                <c:pt idx="178">
                  <c:v>108.84</c:v>
                </c:pt>
                <c:pt idx="179">
                  <c:v>112.99</c:v>
                </c:pt>
                <c:pt idx="180">
                  <c:v>115.11</c:v>
                </c:pt>
                <c:pt idx="181">
                  <c:v>113.52</c:v>
                </c:pt>
                <c:pt idx="182">
                  <c:v>110.43</c:v>
                </c:pt>
                <c:pt idx="183">
                  <c:v>106.77</c:v>
                </c:pt>
                <c:pt idx="184">
                  <c:v>106.72</c:v>
                </c:pt>
                <c:pt idx="185">
                  <c:v>106.44</c:v>
                </c:pt>
                <c:pt idx="186">
                  <c:v>103.31</c:v>
                </c:pt>
                <c:pt idx="187">
                  <c:v>104.57</c:v>
                </c:pt>
                <c:pt idx="188">
                  <c:v>101.96</c:v>
                </c:pt>
                <c:pt idx="189">
                  <c:v>101.03</c:v>
                </c:pt>
                <c:pt idx="190">
                  <c:v>101.54</c:v>
                </c:pt>
                <c:pt idx="191">
                  <c:v>100.51</c:v>
                </c:pt>
                <c:pt idx="192">
                  <c:v>96.97</c:v>
                </c:pt>
                <c:pt idx="193">
                  <c:v>96.99</c:v>
                </c:pt>
                <c:pt idx="194">
                  <c:v>95.71</c:v>
                </c:pt>
                <c:pt idx="195">
                  <c:v>91.3</c:v>
                </c:pt>
                <c:pt idx="196">
                  <c:v>89.23</c:v>
                </c:pt>
                <c:pt idx="197">
                  <c:v>85.42</c:v>
                </c:pt>
                <c:pt idx="198">
                  <c:v>85.71</c:v>
                </c:pt>
                <c:pt idx="199">
                  <c:v>84.45</c:v>
                </c:pt>
                <c:pt idx="200">
                  <c:v>83.41</c:v>
                </c:pt>
                <c:pt idx="201">
                  <c:v>77.489999999999995</c:v>
                </c:pt>
                <c:pt idx="202">
                  <c:v>79.260000000000005</c:v>
                </c:pt>
                <c:pt idx="203">
                  <c:v>71.95</c:v>
                </c:pt>
                <c:pt idx="204">
                  <c:v>68.62</c:v>
                </c:pt>
                <c:pt idx="205">
                  <c:v>62.08</c:v>
                </c:pt>
                <c:pt idx="206">
                  <c:v>60.06</c:v>
                </c:pt>
                <c:pt idx="207">
                  <c:v>59.88</c:v>
                </c:pt>
                <c:pt idx="208">
                  <c:v>56.01</c:v>
                </c:pt>
                <c:pt idx="209">
                  <c:v>48.84</c:v>
                </c:pt>
                <c:pt idx="210">
                  <c:v>48.16</c:v>
                </c:pt>
                <c:pt idx="211">
                  <c:v>47.73</c:v>
                </c:pt>
                <c:pt idx="212">
                  <c:v>48.04</c:v>
                </c:pt>
                <c:pt idx="213">
                  <c:v>57.38</c:v>
                </c:pt>
                <c:pt idx="214">
                  <c:v>60.67</c:v>
                </c:pt>
                <c:pt idx="215">
                  <c:v>60.22</c:v>
                </c:pt>
                <c:pt idx="216">
                  <c:v>61.06</c:v>
                </c:pt>
                <c:pt idx="217">
                  <c:v>60.01</c:v>
                </c:pt>
                <c:pt idx="218">
                  <c:v>55.24</c:v>
                </c:pt>
                <c:pt idx="219">
                  <c:v>54.62</c:v>
                </c:pt>
                <c:pt idx="220">
                  <c:v>57.16</c:v>
                </c:pt>
                <c:pt idx="221">
                  <c:v>54.7</c:v>
                </c:pt>
                <c:pt idx="222">
                  <c:v>57.09</c:v>
                </c:pt>
                <c:pt idx="223">
                  <c:v>62.53</c:v>
                </c:pt>
                <c:pt idx="224">
                  <c:v>63.48</c:v>
                </c:pt>
                <c:pt idx="225">
                  <c:v>65.39</c:v>
                </c:pt>
                <c:pt idx="226">
                  <c:v>64.72</c:v>
                </c:pt>
                <c:pt idx="227">
                  <c:v>65.78</c:v>
                </c:pt>
                <c:pt idx="228">
                  <c:v>65.06</c:v>
                </c:pt>
                <c:pt idx="229">
                  <c:v>64.260000000000005</c:v>
                </c:pt>
                <c:pt idx="230">
                  <c:v>61.47</c:v>
                </c:pt>
                <c:pt idx="231">
                  <c:v>64.03</c:v>
                </c:pt>
                <c:pt idx="232">
                  <c:v>61.18</c:v>
                </c:pt>
                <c:pt idx="233">
                  <c:v>61.38</c:v>
                </c:pt>
                <c:pt idx="234">
                  <c:v>59.74</c:v>
                </c:pt>
                <c:pt idx="235">
                  <c:v>57.75</c:v>
                </c:pt>
                <c:pt idx="236">
                  <c:v>56.74</c:v>
                </c:pt>
                <c:pt idx="237">
                  <c:v>54.61</c:v>
                </c:pt>
                <c:pt idx="238">
                  <c:v>52.79</c:v>
                </c:pt>
                <c:pt idx="239">
                  <c:v>48.49</c:v>
                </c:pt>
                <c:pt idx="240">
                  <c:v>48.73</c:v>
                </c:pt>
                <c:pt idx="241">
                  <c:v>44.73</c:v>
                </c:pt>
                <c:pt idx="242">
                  <c:v>48.93</c:v>
                </c:pt>
                <c:pt idx="243">
                  <c:v>49.65</c:v>
                </c:pt>
                <c:pt idx="244">
                  <c:v>47.6</c:v>
                </c:pt>
                <c:pt idx="245">
                  <c:v>47.19</c:v>
                </c:pt>
                <c:pt idx="246">
                  <c:v>47.57</c:v>
                </c:pt>
                <c:pt idx="247">
                  <c:v>46.64</c:v>
                </c:pt>
                <c:pt idx="248">
                  <c:v>52.43</c:v>
                </c:pt>
                <c:pt idx="249">
                  <c:v>49.32</c:v>
                </c:pt>
                <c:pt idx="250">
                  <c:v>47.02</c:v>
                </c:pt>
                <c:pt idx="251">
                  <c:v>48.45</c:v>
                </c:pt>
                <c:pt idx="252">
                  <c:v>46.99</c:v>
                </c:pt>
                <c:pt idx="253">
                  <c:v>43.44</c:v>
                </c:pt>
                <c:pt idx="254">
                  <c:v>43.27</c:v>
                </c:pt>
                <c:pt idx="255">
                  <c:v>43.88</c:v>
                </c:pt>
                <c:pt idx="256">
                  <c:v>42.77</c:v>
                </c:pt>
                <c:pt idx="257">
                  <c:v>37.93</c:v>
                </c:pt>
                <c:pt idx="258">
                  <c:v>37.130000000000003</c:v>
                </c:pt>
                <c:pt idx="259">
                  <c:v>37.159999999999997</c:v>
                </c:pt>
                <c:pt idx="260">
                  <c:v>35.700000000000003</c:v>
                </c:pt>
                <c:pt idx="261">
                  <c:v>32.26</c:v>
                </c:pt>
                <c:pt idx="262">
                  <c:v>29.8</c:v>
                </c:pt>
                <c:pt idx="263">
                  <c:v>31.7</c:v>
                </c:pt>
                <c:pt idx="264">
                  <c:v>34.299999999999997</c:v>
                </c:pt>
                <c:pt idx="265">
                  <c:v>34.56</c:v>
                </c:pt>
                <c:pt idx="266">
                  <c:v>32.9</c:v>
                </c:pt>
                <c:pt idx="267">
                  <c:v>33.19</c:v>
                </c:pt>
                <c:pt idx="268">
                  <c:v>36.31</c:v>
                </c:pt>
                <c:pt idx="269">
                  <c:v>38.270000000000003</c:v>
                </c:pt>
                <c:pt idx="270">
                  <c:v>40.58</c:v>
                </c:pt>
                <c:pt idx="271">
                  <c:v>41.61</c:v>
                </c:pt>
                <c:pt idx="272">
                  <c:v>39.869999999999997</c:v>
                </c:pt>
                <c:pt idx="273">
                  <c:v>38.76</c:v>
                </c:pt>
                <c:pt idx="274">
                  <c:v>42.1</c:v>
                </c:pt>
                <c:pt idx="275">
                  <c:v>42.96</c:v>
                </c:pt>
                <c:pt idx="276">
                  <c:v>45.69</c:v>
                </c:pt>
                <c:pt idx="277">
                  <c:v>47.49</c:v>
                </c:pt>
                <c:pt idx="278">
                  <c:v>45.93</c:v>
                </c:pt>
                <c:pt idx="279">
                  <c:v>48</c:v>
                </c:pt>
                <c:pt idx="280">
                  <c:v>48.95</c:v>
                </c:pt>
                <c:pt idx="281">
                  <c:v>49.37</c:v>
                </c:pt>
                <c:pt idx="282">
                  <c:v>49.68</c:v>
                </c:pt>
                <c:pt idx="283">
                  <c:v>51.06</c:v>
                </c:pt>
                <c:pt idx="284">
                  <c:v>48.47</c:v>
                </c:pt>
                <c:pt idx="285">
                  <c:v>48.75</c:v>
                </c:pt>
                <c:pt idx="286">
                  <c:v>49.89</c:v>
                </c:pt>
                <c:pt idx="287">
                  <c:v>46.7</c:v>
                </c:pt>
                <c:pt idx="288">
                  <c:v>47.7</c:v>
                </c:pt>
                <c:pt idx="289">
                  <c:v>45.53</c:v>
                </c:pt>
                <c:pt idx="290">
                  <c:v>42.44</c:v>
                </c:pt>
                <c:pt idx="291">
                  <c:v>43.69</c:v>
                </c:pt>
                <c:pt idx="292">
                  <c:v>46.83</c:v>
                </c:pt>
                <c:pt idx="293">
                  <c:v>50.61</c:v>
                </c:pt>
                <c:pt idx="294">
                  <c:v>50.15</c:v>
                </c:pt>
                <c:pt idx="295">
                  <c:v>46.91</c:v>
                </c:pt>
                <c:pt idx="296">
                  <c:v>48.94</c:v>
                </c:pt>
                <c:pt idx="297">
                  <c:v>46.26</c:v>
                </c:pt>
                <c:pt idx="298">
                  <c:v>47.47</c:v>
                </c:pt>
                <c:pt idx="299">
                  <c:v>48.97</c:v>
                </c:pt>
                <c:pt idx="300">
                  <c:v>52.38</c:v>
                </c:pt>
                <c:pt idx="301">
                  <c:v>51.64</c:v>
                </c:pt>
                <c:pt idx="302">
                  <c:v>51.63</c:v>
                </c:pt>
                <c:pt idx="303">
                  <c:v>50.21</c:v>
                </c:pt>
                <c:pt idx="304">
                  <c:v>45.61</c:v>
                </c:pt>
                <c:pt idx="305">
                  <c:v>44.4</c:v>
                </c:pt>
                <c:pt idx="306">
                  <c:v>46.41</c:v>
                </c:pt>
                <c:pt idx="307">
                  <c:v>47.27</c:v>
                </c:pt>
                <c:pt idx="308">
                  <c:v>54.25</c:v>
                </c:pt>
                <c:pt idx="309">
                  <c:v>54.19</c:v>
                </c:pt>
                <c:pt idx="310">
                  <c:v>55.21</c:v>
                </c:pt>
                <c:pt idx="311">
                  <c:v>54.74</c:v>
                </c:pt>
                <c:pt idx="312">
                  <c:v>56.71</c:v>
                </c:pt>
                <c:pt idx="313">
                  <c:v>57.03</c:v>
                </c:pt>
                <c:pt idx="314">
                  <c:v>55.32</c:v>
                </c:pt>
                <c:pt idx="315">
                  <c:v>55.69</c:v>
                </c:pt>
                <c:pt idx="316">
                  <c:v>55.46</c:v>
                </c:pt>
                <c:pt idx="317">
                  <c:v>57.04</c:v>
                </c:pt>
                <c:pt idx="318">
                  <c:v>56.89</c:v>
                </c:pt>
                <c:pt idx="319">
                  <c:v>55.49</c:v>
                </c:pt>
                <c:pt idx="320">
                  <c:v>56.07</c:v>
                </c:pt>
                <c:pt idx="321">
                  <c:v>55.67</c:v>
                </c:pt>
                <c:pt idx="322">
                  <c:v>51.88</c:v>
                </c:pt>
                <c:pt idx="323">
                  <c:v>51.77</c:v>
                </c:pt>
                <c:pt idx="324">
                  <c:v>50.67</c:v>
                </c:pt>
                <c:pt idx="325">
                  <c:v>52.62</c:v>
                </c:pt>
                <c:pt idx="326">
                  <c:v>55.19</c:v>
                </c:pt>
                <c:pt idx="327">
                  <c:v>55.98</c:v>
                </c:pt>
                <c:pt idx="328">
                  <c:v>51.91</c:v>
                </c:pt>
                <c:pt idx="329">
                  <c:v>51.56</c:v>
                </c:pt>
                <c:pt idx="330">
                  <c:v>49.28</c:v>
                </c:pt>
                <c:pt idx="331">
                  <c:v>50.63</c:v>
                </c:pt>
                <c:pt idx="332">
                  <c:v>53.58</c:v>
                </c:pt>
                <c:pt idx="333">
                  <c:v>51.47</c:v>
                </c:pt>
                <c:pt idx="334">
                  <c:v>49.91</c:v>
                </c:pt>
                <c:pt idx="335">
                  <c:v>48.36</c:v>
                </c:pt>
                <c:pt idx="336">
                  <c:v>47.25</c:v>
                </c:pt>
                <c:pt idx="337">
                  <c:v>45.65</c:v>
                </c:pt>
                <c:pt idx="338">
                  <c:v>47.82</c:v>
                </c:pt>
                <c:pt idx="339">
                  <c:v>46.94</c:v>
                </c:pt>
                <c:pt idx="340">
                  <c:v>48.69</c:v>
                </c:pt>
                <c:pt idx="341">
                  <c:v>48.69</c:v>
                </c:pt>
                <c:pt idx="342">
                  <c:v>52.51</c:v>
                </c:pt>
                <c:pt idx="343">
                  <c:v>52.48</c:v>
                </c:pt>
                <c:pt idx="344">
                  <c:v>51.82</c:v>
                </c:pt>
                <c:pt idx="345">
                  <c:v>51.26</c:v>
                </c:pt>
                <c:pt idx="346">
                  <c:v>52.32</c:v>
                </c:pt>
                <c:pt idx="347">
                  <c:v>52.81</c:v>
                </c:pt>
                <c:pt idx="348">
                  <c:v>54.2</c:v>
                </c:pt>
                <c:pt idx="349">
                  <c:v>55.81</c:v>
                </c:pt>
                <c:pt idx="350">
                  <c:v>56.81</c:v>
                </c:pt>
                <c:pt idx="351">
                  <c:v>57.57</c:v>
                </c:pt>
                <c:pt idx="352">
                  <c:v>55.38</c:v>
                </c:pt>
                <c:pt idx="353">
                  <c:v>57.16</c:v>
                </c:pt>
                <c:pt idx="354">
                  <c:v>57.72</c:v>
                </c:pt>
                <c:pt idx="355">
                  <c:v>60.27</c:v>
                </c:pt>
                <c:pt idx="356">
                  <c:v>61.32</c:v>
                </c:pt>
                <c:pt idx="357">
                  <c:v>64.2</c:v>
                </c:pt>
                <c:pt idx="358">
                  <c:v>62.5</c:v>
                </c:pt>
                <c:pt idx="359">
                  <c:v>63.55</c:v>
                </c:pt>
                <c:pt idx="360">
                  <c:v>64.040000000000006</c:v>
                </c:pt>
                <c:pt idx="361">
                  <c:v>63.33</c:v>
                </c:pt>
                <c:pt idx="362">
                  <c:v>63.46</c:v>
                </c:pt>
                <c:pt idx="363">
                  <c:v>64.900000000000006</c:v>
                </c:pt>
                <c:pt idx="364">
                  <c:v>66.61</c:v>
                </c:pt>
                <c:pt idx="365">
                  <c:v>67.58</c:v>
                </c:pt>
                <c:pt idx="366">
                  <c:v>69.239999999999995</c:v>
                </c:pt>
                <c:pt idx="367">
                  <c:v>68.59</c:v>
                </c:pt>
                <c:pt idx="368">
                  <c:v>70.430000000000007</c:v>
                </c:pt>
                <c:pt idx="369">
                  <c:v>68.239999999999995</c:v>
                </c:pt>
                <c:pt idx="370">
                  <c:v>63.42</c:v>
                </c:pt>
                <c:pt idx="371">
                  <c:v>64.900000000000006</c:v>
                </c:pt>
                <c:pt idx="372">
                  <c:v>66.989999999999995</c:v>
                </c:pt>
                <c:pt idx="373">
                  <c:v>63.91</c:v>
                </c:pt>
                <c:pt idx="374">
                  <c:v>65.44</c:v>
                </c:pt>
                <c:pt idx="375">
                  <c:v>66.06</c:v>
                </c:pt>
                <c:pt idx="376">
                  <c:v>70.180000000000007</c:v>
                </c:pt>
                <c:pt idx="377">
                  <c:v>70.09</c:v>
                </c:pt>
                <c:pt idx="378">
                  <c:v>67.510000000000005</c:v>
                </c:pt>
                <c:pt idx="379">
                  <c:v>72.72</c:v>
                </c:pt>
                <c:pt idx="380">
                  <c:v>73.569999999999993</c:v>
                </c:pt>
                <c:pt idx="381">
                  <c:v>74.64</c:v>
                </c:pt>
                <c:pt idx="382">
                  <c:v>74.349999999999994</c:v>
                </c:pt>
                <c:pt idx="383">
                  <c:v>77.47</c:v>
                </c:pt>
                <c:pt idx="384">
                  <c:v>79.2</c:v>
                </c:pt>
                <c:pt idx="385">
                  <c:v>76.430000000000007</c:v>
                </c:pt>
                <c:pt idx="386">
                  <c:v>76.540000000000006</c:v>
                </c:pt>
                <c:pt idx="387">
                  <c:v>76.66</c:v>
                </c:pt>
                <c:pt idx="388">
                  <c:v>73.37</c:v>
                </c:pt>
                <c:pt idx="389">
                  <c:v>74.680000000000007</c:v>
                </c:pt>
                <c:pt idx="390">
                  <c:v>79.44</c:v>
                </c:pt>
                <c:pt idx="391">
                  <c:v>77.09</c:v>
                </c:pt>
                <c:pt idx="392">
                  <c:v>75.510000000000005</c:v>
                </c:pt>
                <c:pt idx="393">
                  <c:v>72.989999999999995</c:v>
                </c:pt>
                <c:pt idx="394">
                  <c:v>74.84</c:v>
                </c:pt>
                <c:pt idx="395">
                  <c:v>73.39</c:v>
                </c:pt>
                <c:pt idx="396">
                  <c:v>72.849999999999994</c:v>
                </c:pt>
                <c:pt idx="397">
                  <c:v>71.92</c:v>
                </c:pt>
                <c:pt idx="398">
                  <c:v>76.209999999999994</c:v>
                </c:pt>
                <c:pt idx="399">
                  <c:v>77.66</c:v>
                </c:pt>
                <c:pt idx="400">
                  <c:v>76.5</c:v>
                </c:pt>
                <c:pt idx="401">
                  <c:v>78.2</c:v>
                </c:pt>
                <c:pt idx="402">
                  <c:v>78.849999999999994</c:v>
                </c:pt>
                <c:pt idx="403">
                  <c:v>82.79</c:v>
                </c:pt>
                <c:pt idx="404">
                  <c:v>84.96</c:v>
                </c:pt>
                <c:pt idx="405">
                  <c:v>80.739999999999995</c:v>
                </c:pt>
                <c:pt idx="406">
                  <c:v>80.06</c:v>
                </c:pt>
                <c:pt idx="407">
                  <c:v>77.05</c:v>
                </c:pt>
                <c:pt idx="408">
                  <c:v>72.78</c:v>
                </c:pt>
                <c:pt idx="409">
                  <c:v>70.06</c:v>
                </c:pt>
                <c:pt idx="410">
                  <c:v>67.19</c:v>
                </c:pt>
                <c:pt idx="411">
                  <c:v>58.92</c:v>
                </c:pt>
                <c:pt idx="412">
                  <c:v>58.74</c:v>
                </c:pt>
                <c:pt idx="413">
                  <c:v>62.96</c:v>
                </c:pt>
                <c:pt idx="414">
                  <c:v>60.27</c:v>
                </c:pt>
                <c:pt idx="415">
                  <c:v>54.16</c:v>
                </c:pt>
                <c:pt idx="416">
                  <c:v>53.13</c:v>
                </c:pt>
                <c:pt idx="417">
                  <c:v>56.91</c:v>
                </c:pt>
                <c:pt idx="418">
                  <c:v>60.73</c:v>
                </c:pt>
                <c:pt idx="419">
                  <c:v>62.68</c:v>
                </c:pt>
                <c:pt idx="420">
                  <c:v>61.48</c:v>
                </c:pt>
                <c:pt idx="421">
                  <c:v>62.16</c:v>
                </c:pt>
                <c:pt idx="422">
                  <c:v>61.87</c:v>
                </c:pt>
                <c:pt idx="423">
                  <c:v>65.95</c:v>
                </c:pt>
                <c:pt idx="424">
                  <c:v>67.260000000000005</c:v>
                </c:pt>
                <c:pt idx="425">
                  <c:v>65.22</c:v>
                </c:pt>
                <c:pt idx="426">
                  <c:v>65.790000000000006</c:v>
                </c:pt>
                <c:pt idx="427">
                  <c:v>66.900000000000006</c:v>
                </c:pt>
                <c:pt idx="428">
                  <c:v>66.53</c:v>
                </c:pt>
                <c:pt idx="429">
                  <c:v>68.55</c:v>
                </c:pt>
                <c:pt idx="430">
                  <c:v>69.88</c:v>
                </c:pt>
                <c:pt idx="431">
                  <c:v>71.72</c:v>
                </c:pt>
                <c:pt idx="432">
                  <c:v>71.900000000000006</c:v>
                </c:pt>
                <c:pt idx="433">
                  <c:v>71.98</c:v>
                </c:pt>
                <c:pt idx="434">
                  <c:v>71.45</c:v>
                </c:pt>
                <c:pt idx="435">
                  <c:v>70.88</c:v>
                </c:pt>
                <c:pt idx="436">
                  <c:v>72.64</c:v>
                </c:pt>
                <c:pt idx="437">
                  <c:v>67.81</c:v>
                </c:pt>
                <c:pt idx="438">
                  <c:v>64.930000000000007</c:v>
                </c:pt>
                <c:pt idx="439">
                  <c:v>62.9</c:v>
                </c:pt>
                <c:pt idx="440">
                  <c:v>62.24</c:v>
                </c:pt>
                <c:pt idx="441">
                  <c:v>65.34</c:v>
                </c:pt>
                <c:pt idx="442">
                  <c:v>66.87</c:v>
                </c:pt>
                <c:pt idx="443">
                  <c:v>64.08</c:v>
                </c:pt>
                <c:pt idx="444">
                  <c:v>66.8</c:v>
                </c:pt>
                <c:pt idx="445">
                  <c:v>62.29</c:v>
                </c:pt>
                <c:pt idx="446">
                  <c:v>63.26</c:v>
                </c:pt>
                <c:pt idx="447">
                  <c:v>62.07</c:v>
                </c:pt>
                <c:pt idx="448">
                  <c:v>58.62</c:v>
                </c:pt>
                <c:pt idx="449">
                  <c:v>58.65</c:v>
                </c:pt>
                <c:pt idx="450">
                  <c:v>59.03</c:v>
                </c:pt>
                <c:pt idx="451">
                  <c:v>60.48</c:v>
                </c:pt>
                <c:pt idx="452">
                  <c:v>60.76</c:v>
                </c:pt>
                <c:pt idx="453">
                  <c:v>60.34</c:v>
                </c:pt>
                <c:pt idx="454">
                  <c:v>64.95</c:v>
                </c:pt>
                <c:pt idx="455">
                  <c:v>62.38</c:v>
                </c:pt>
                <c:pt idx="456">
                  <c:v>58.51</c:v>
                </c:pt>
                <c:pt idx="457">
                  <c:v>60.49</c:v>
                </c:pt>
                <c:pt idx="458">
                  <c:v>59.6</c:v>
                </c:pt>
                <c:pt idx="459">
                  <c:v>61.82</c:v>
                </c:pt>
                <c:pt idx="460">
                  <c:v>60.51</c:v>
                </c:pt>
                <c:pt idx="461">
                  <c:v>62.61</c:v>
                </c:pt>
                <c:pt idx="462">
                  <c:v>63.37</c:v>
                </c:pt>
                <c:pt idx="463">
                  <c:v>63.28</c:v>
                </c:pt>
                <c:pt idx="464">
                  <c:v>62.62</c:v>
                </c:pt>
                <c:pt idx="465">
                  <c:v>64.28</c:v>
                </c:pt>
                <c:pt idx="466">
                  <c:v>64.989999999999995</c:v>
                </c:pt>
                <c:pt idx="467">
                  <c:v>66.16</c:v>
                </c:pt>
                <c:pt idx="468">
                  <c:v>68.19</c:v>
                </c:pt>
                <c:pt idx="469">
                  <c:v>68.06</c:v>
                </c:pt>
                <c:pt idx="470">
                  <c:v>65.599999999999994</c:v>
                </c:pt>
                <c:pt idx="471">
                  <c:v>64.64</c:v>
                </c:pt>
                <c:pt idx="472">
                  <c:v>60.51</c:v>
                </c:pt>
                <c:pt idx="473">
                  <c:v>58.23</c:v>
                </c:pt>
                <c:pt idx="474">
                  <c:v>55.14</c:v>
                </c:pt>
                <c:pt idx="475">
                  <c:v>57.27</c:v>
                </c:pt>
                <c:pt idx="476">
                  <c:v>58.23</c:v>
                </c:pt>
                <c:pt idx="477">
                  <c:v>50.52</c:v>
                </c:pt>
                <c:pt idx="478">
                  <c:v>45.56</c:v>
                </c:pt>
                <c:pt idx="479">
                  <c:v>33.35</c:v>
                </c:pt>
                <c:pt idx="480">
                  <c:v>27.57</c:v>
                </c:pt>
                <c:pt idx="481">
                  <c:v>24.92</c:v>
                </c:pt>
                <c:pt idx="482">
                  <c:v>34.24</c:v>
                </c:pt>
                <c:pt idx="483">
                  <c:v>31.73</c:v>
                </c:pt>
                <c:pt idx="484">
                  <c:v>28.2</c:v>
                </c:pt>
                <c:pt idx="485">
                  <c:v>21.52</c:v>
                </c:pt>
                <c:pt idx="486">
                  <c:v>26.49</c:v>
                </c:pt>
                <c:pt idx="487">
                  <c:v>29.63</c:v>
                </c:pt>
                <c:pt idx="488">
                  <c:v>32.619999999999997</c:v>
                </c:pt>
                <c:pt idx="489">
                  <c:v>35.21</c:v>
                </c:pt>
                <c:pt idx="490">
                  <c:v>35.43</c:v>
                </c:pt>
                <c:pt idx="491">
                  <c:v>42.33</c:v>
                </c:pt>
                <c:pt idx="492">
                  <c:v>38.86</c:v>
                </c:pt>
                <c:pt idx="493">
                  <c:v>42.31</c:v>
                </c:pt>
                <c:pt idx="494">
                  <c:v>41.06</c:v>
                </c:pt>
                <c:pt idx="495">
                  <c:v>42.9</c:v>
                </c:pt>
                <c:pt idx="496">
                  <c:v>43.39</c:v>
                </c:pt>
                <c:pt idx="497">
                  <c:v>43.23</c:v>
                </c:pt>
                <c:pt idx="498">
                  <c:v>43.39</c:v>
                </c:pt>
                <c:pt idx="499">
                  <c:v>43.14</c:v>
                </c:pt>
                <c:pt idx="500">
                  <c:v>44.42</c:v>
                </c:pt>
                <c:pt idx="501">
                  <c:v>44.92</c:v>
                </c:pt>
                <c:pt idx="502">
                  <c:v>44.41</c:v>
                </c:pt>
                <c:pt idx="503">
                  <c:v>45.12</c:v>
                </c:pt>
                <c:pt idx="504">
                  <c:v>42.63</c:v>
                </c:pt>
                <c:pt idx="505">
                  <c:v>39.869999999999997</c:v>
                </c:pt>
                <c:pt idx="506">
                  <c:v>43.2</c:v>
                </c:pt>
                <c:pt idx="507">
                  <c:v>41.96</c:v>
                </c:pt>
                <c:pt idx="508">
                  <c:v>39.35</c:v>
                </c:pt>
                <c:pt idx="509">
                  <c:v>42.95</c:v>
                </c:pt>
                <c:pt idx="510">
                  <c:v>42.98</c:v>
                </c:pt>
                <c:pt idx="511">
                  <c:v>41.84</c:v>
                </c:pt>
                <c:pt idx="512">
                  <c:v>37.54</c:v>
                </c:pt>
                <c:pt idx="513">
                  <c:v>39.56</c:v>
                </c:pt>
                <c:pt idx="514">
                  <c:v>42.83</c:v>
                </c:pt>
                <c:pt idx="515">
                  <c:v>45.03</c:v>
                </c:pt>
                <c:pt idx="516">
                  <c:v>48.33</c:v>
                </c:pt>
                <c:pt idx="517">
                  <c:v>49.35</c:v>
                </c:pt>
                <c:pt idx="518">
                  <c:v>50.08</c:v>
                </c:pt>
                <c:pt idx="519">
                  <c:v>52.29</c:v>
                </c:pt>
                <c:pt idx="520">
                  <c:v>51.38</c:v>
                </c:pt>
                <c:pt idx="521">
                  <c:v>51.89</c:v>
                </c:pt>
                <c:pt idx="522">
                  <c:v>56.06</c:v>
                </c:pt>
                <c:pt idx="523">
                  <c:v>55.2</c:v>
                </c:pt>
                <c:pt idx="524">
                  <c:v>55.57</c:v>
                </c:pt>
                <c:pt idx="525">
                  <c:v>55.95</c:v>
                </c:pt>
                <c:pt idx="526">
                  <c:v>59.47</c:v>
                </c:pt>
                <c:pt idx="527">
                  <c:v>62.57</c:v>
                </c:pt>
                <c:pt idx="528">
                  <c:v>62.94</c:v>
                </c:pt>
                <c:pt idx="529">
                  <c:v>66.08</c:v>
                </c:pt>
                <c:pt idx="530">
                  <c:v>69.5</c:v>
                </c:pt>
                <c:pt idx="531">
                  <c:v>69.319999999999993</c:v>
                </c:pt>
                <c:pt idx="532">
                  <c:v>64.790000000000006</c:v>
                </c:pt>
                <c:pt idx="533">
                  <c:v>64.59</c:v>
                </c:pt>
                <c:pt idx="534">
                  <c:v>64.98</c:v>
                </c:pt>
                <c:pt idx="535">
                  <c:v>63.05</c:v>
                </c:pt>
                <c:pt idx="536">
                  <c:v>66.89</c:v>
                </c:pt>
                <c:pt idx="537">
                  <c:v>66.19</c:v>
                </c:pt>
                <c:pt idx="538">
                  <c:v>67.36</c:v>
                </c:pt>
                <c:pt idx="539">
                  <c:v>68.38</c:v>
                </c:pt>
                <c:pt idx="540">
                  <c:v>68.739999999999995</c:v>
                </c:pt>
                <c:pt idx="541">
                  <c:v>66.510000000000005</c:v>
                </c:pt>
                <c:pt idx="542">
                  <c:v>69.709999999999994</c:v>
                </c:pt>
                <c:pt idx="543">
                  <c:v>72</c:v>
                </c:pt>
                <c:pt idx="544">
                  <c:v>72.88</c:v>
                </c:pt>
                <c:pt idx="545">
                  <c:v>73.599999999999994</c:v>
                </c:pt>
                <c:pt idx="546">
                  <c:v>76.28</c:v>
                </c:pt>
                <c:pt idx="547">
                  <c:v>76.319999999999993</c:v>
                </c:pt>
                <c:pt idx="548">
                  <c:v>75.64</c:v>
                </c:pt>
                <c:pt idx="549">
                  <c:v>73.67</c:v>
                </c:pt>
                <c:pt idx="550">
                  <c:v>74.25</c:v>
                </c:pt>
                <c:pt idx="551">
                  <c:v>76.47</c:v>
                </c:pt>
                <c:pt idx="552">
                  <c:v>70.67</c:v>
                </c:pt>
                <c:pt idx="553">
                  <c:v>70.650000000000006</c:v>
                </c:pt>
                <c:pt idx="554">
                  <c:v>65.260000000000005</c:v>
                </c:pt>
                <c:pt idx="555">
                  <c:v>72.73</c:v>
                </c:pt>
                <c:pt idx="556">
                  <c:v>72.72</c:v>
                </c:pt>
                <c:pt idx="557">
                  <c:v>73.040000000000006</c:v>
                </c:pt>
                <c:pt idx="558">
                  <c:v>75.5</c:v>
                </c:pt>
                <c:pt idx="559">
                  <c:v>75.23</c:v>
                </c:pt>
                <c:pt idx="560">
                  <c:v>79.319999999999993</c:v>
                </c:pt>
                <c:pt idx="561">
                  <c:v>82.52</c:v>
                </c:pt>
                <c:pt idx="562">
                  <c:v>84.98</c:v>
                </c:pt>
                <c:pt idx="563">
                  <c:v>85.63</c:v>
                </c:pt>
                <c:pt idx="564">
                  <c:v>84.39</c:v>
                </c:pt>
                <c:pt idx="565">
                  <c:v>82.93</c:v>
                </c:pt>
                <c:pt idx="566">
                  <c:v>82.39</c:v>
                </c:pt>
                <c:pt idx="567">
                  <c:v>79.03</c:v>
                </c:pt>
                <c:pt idx="568">
                  <c:v>72.94</c:v>
                </c:pt>
                <c:pt idx="569">
                  <c:v>70.08</c:v>
                </c:pt>
                <c:pt idx="570">
                  <c:v>75.33</c:v>
                </c:pt>
                <c:pt idx="571">
                  <c:v>73.599999999999994</c:v>
                </c:pt>
                <c:pt idx="572">
                  <c:v>75.959999999999994</c:v>
                </c:pt>
                <c:pt idx="573">
                  <c:v>78.400000000000006</c:v>
                </c:pt>
                <c:pt idx="574">
                  <c:v>81.88</c:v>
                </c:pt>
                <c:pt idx="575">
                  <c:v>86.17</c:v>
                </c:pt>
                <c:pt idx="576">
                  <c:v>87.95</c:v>
                </c:pt>
                <c:pt idx="577">
                  <c:v>89.97</c:v>
                </c:pt>
                <c:pt idx="578">
                  <c:v>93.36</c:v>
                </c:pt>
                <c:pt idx="579">
                  <c:v>94.6</c:v>
                </c:pt>
                <c:pt idx="580">
                  <c:v>93.32</c:v>
                </c:pt>
                <c:pt idx="581">
                  <c:v>97.99</c:v>
                </c:pt>
                <c:pt idx="582">
                  <c:v>118.31</c:v>
                </c:pt>
                <c:pt idx="583">
                  <c:v>112.71</c:v>
                </c:pt>
                <c:pt idx="584">
                  <c:v>#N/A</c:v>
                </c:pt>
                <c:pt idx="585">
                  <c:v>#N/A</c:v>
                </c:pt>
                <c:pt idx="586">
                  <c:v>#N/A</c:v>
                </c:pt>
                <c:pt idx="587">
                  <c:v>#N/A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B3B5-4FB2-8B01-147A0763357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581611424"/>
        <c:axId val="581611816"/>
      </c:lineChart>
      <c:dateAx>
        <c:axId val="581611424"/>
        <c:scaling>
          <c:orientation val="minMax"/>
          <c:max val="44632"/>
          <c:min val="42075"/>
        </c:scaling>
        <c:delete val="0"/>
        <c:axPos val="b"/>
        <c:numFmt formatCode="[$-409]mmm\-yy;@" sourceLinked="0"/>
        <c:majorTickMark val="out"/>
        <c:minorTickMark val="none"/>
        <c:tickLblPos val="nextTo"/>
        <c:spPr>
          <a:ln w="3175">
            <a:solidFill>
              <a:srgbClr val="585858"/>
            </a:solidFill>
            <a:prstDash val="solid"/>
          </a:ln>
        </c:spPr>
        <c:txPr>
          <a:bodyPr rot="-5400000" vert="horz"/>
          <a:lstStyle/>
          <a:p>
            <a:pPr>
              <a:defRPr sz="1400" b="0" i="0" u="none" strike="noStrike" baseline="0">
                <a:solidFill>
                  <a:sysClr val="windowText" lastClr="000000"/>
                </a:solidFill>
                <a:latin typeface="Aktiv Grotesk" panose="020B0504020202020204" pitchFamily="34" charset="0"/>
                <a:ea typeface="Arial"/>
                <a:cs typeface="Arial"/>
              </a:defRPr>
            </a:pPr>
            <a:endParaRPr lang="en-US"/>
          </a:p>
        </c:txPr>
        <c:crossAx val="581611816"/>
        <c:crosses val="autoZero"/>
        <c:auto val="1"/>
        <c:lblOffset val="100"/>
        <c:baseTimeUnit val="days"/>
        <c:majorUnit val="4"/>
        <c:majorTimeUnit val="months"/>
        <c:minorUnit val="2"/>
        <c:minorTimeUnit val="months"/>
      </c:dateAx>
      <c:valAx>
        <c:axId val="581611816"/>
        <c:scaling>
          <c:orientation val="minMax"/>
          <c:max val="160"/>
          <c:min val="15"/>
        </c:scaling>
        <c:delete val="0"/>
        <c:axPos val="l"/>
        <c:numFmt formatCode="#,##0" sourceLinked="0"/>
        <c:majorTickMark val="out"/>
        <c:minorTickMark val="in"/>
        <c:tickLblPos val="nextTo"/>
        <c:spPr>
          <a:ln w="3175">
            <a:noFill/>
            <a:prstDash val="solid"/>
          </a:ln>
        </c:spPr>
        <c:txPr>
          <a:bodyPr rot="0" vert="horz"/>
          <a:lstStyle/>
          <a:p>
            <a:pPr>
              <a:defRPr sz="1400" b="0" i="0" u="none" strike="noStrike" baseline="0">
                <a:solidFill>
                  <a:sysClr val="windowText" lastClr="000000"/>
                </a:solidFill>
                <a:latin typeface="Aktiv Grotesk" panose="020B0504020202020204" pitchFamily="34" charset="0"/>
                <a:ea typeface="Arial"/>
                <a:cs typeface="Arial"/>
              </a:defRPr>
            </a:pPr>
            <a:endParaRPr lang="en-US"/>
          </a:p>
        </c:txPr>
        <c:crossAx val="581611424"/>
        <c:crosses val="autoZero"/>
        <c:crossBetween val="between"/>
        <c:majorUnit val="20"/>
        <c:minorUnit val="10"/>
      </c:valAx>
      <c:spPr>
        <a:solidFill>
          <a:schemeClr val="bg1"/>
        </a:solidFill>
        <a:ln w="25400">
          <a:noFill/>
        </a:ln>
      </c:spPr>
    </c:plotArea>
    <c:legend>
      <c:legendPos val="r"/>
      <c:legendEntry>
        <c:idx val="0"/>
        <c:txPr>
          <a:bodyPr/>
          <a:lstStyle/>
          <a:p>
            <a:pPr>
              <a:defRPr sz="1200" b="0" i="0" u="none" strike="noStrike" baseline="0">
                <a:solidFill>
                  <a:sysClr val="windowText" lastClr="000000"/>
                </a:solidFill>
                <a:latin typeface="Aktiv Grotesk" panose="020B0504020202020204" pitchFamily="34" charset="0"/>
                <a:ea typeface="Arial"/>
                <a:cs typeface="Arial"/>
              </a:defRPr>
            </a:pPr>
            <a:endParaRPr lang="en-US"/>
          </a:p>
        </c:txPr>
      </c:legendEntry>
      <c:legendEntry>
        <c:idx val="1"/>
        <c:txPr>
          <a:bodyPr/>
          <a:lstStyle/>
          <a:p>
            <a:pPr>
              <a:defRPr sz="1200" b="0" i="0" u="none" strike="noStrike" baseline="0">
                <a:solidFill>
                  <a:sysClr val="windowText" lastClr="000000"/>
                </a:solidFill>
                <a:latin typeface="Aktiv Grotesk" panose="020B0504020202020204" pitchFamily="34" charset="0"/>
                <a:ea typeface="Arial"/>
                <a:cs typeface="Arial"/>
              </a:defRPr>
            </a:pPr>
            <a:endParaRPr lang="en-US"/>
          </a:p>
        </c:txPr>
      </c:legendEntry>
      <c:layout>
        <c:manualLayout>
          <c:xMode val="edge"/>
          <c:yMode val="edge"/>
          <c:x val="0.29067076286837396"/>
          <c:y val="0.14172184199045962"/>
          <c:w val="0.64444591913496097"/>
          <c:h val="6.9853175709984477E-2"/>
        </c:manualLayout>
      </c:layout>
      <c:overlay val="0"/>
      <c:txPr>
        <a:bodyPr/>
        <a:lstStyle/>
        <a:p>
          <a:pPr>
            <a:defRPr sz="1175" b="0" i="0" u="none" strike="noStrike" baseline="0">
              <a:solidFill>
                <a:sysClr val="windowText" lastClr="000000"/>
              </a:solidFill>
              <a:latin typeface="Aktiv Grotesk" panose="020B0504020202020204" pitchFamily="34" charset="0"/>
              <a:ea typeface="Arial"/>
              <a:cs typeface="Arial"/>
            </a:defRPr>
          </a:pPr>
          <a:endParaRPr lang="en-US"/>
        </a:p>
      </c:txPr>
    </c:legend>
    <c:plotVisOnly val="1"/>
    <c:dispBlanksAs val="gap"/>
    <c:showDLblsOverMax val="0"/>
  </c:chart>
  <c:spPr>
    <a:solidFill>
      <a:schemeClr val="bg1"/>
    </a:solidFill>
    <a:ln w="19050">
      <a:solidFill>
        <a:schemeClr val="bg1"/>
      </a:solidFill>
      <a:prstDash val="solid"/>
    </a:ln>
    <a:effectLst/>
  </c:spPr>
  <c:txPr>
    <a:bodyPr/>
    <a:lstStyle/>
    <a:p>
      <a:pPr>
        <a:defRPr sz="1400" b="1" i="0" u="none" strike="noStrike" baseline="0">
          <a:solidFill>
            <a:srgbClr val="333399"/>
          </a:solidFill>
          <a:latin typeface="Arial"/>
          <a:ea typeface="Arial"/>
          <a:cs typeface="Arial"/>
        </a:defRPr>
      </a:pPr>
      <a:endParaRPr lang="en-US"/>
    </a:p>
  </c:txPr>
  <c:externalData r:id="rId2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800" b="1" i="0" u="none" strike="noStrike" kern="1200" spc="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pPr>
            <a:r>
              <a:rPr lang="en-US" sz="1800" b="1"/>
              <a:t>Growth</a:t>
            </a:r>
            <a:r>
              <a:rPr lang="en-US" sz="1800" b="1" baseline="0"/>
              <a:t> in passenger volumes, by region</a:t>
            </a:r>
          </a:p>
        </c:rich>
      </c:tx>
      <c:layout>
        <c:manualLayout>
          <c:xMode val="edge"/>
          <c:yMode val="edge"/>
          <c:x val="0.33218451443569558"/>
          <c:y val="1.8568029193776172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00" b="1" i="0" u="none" strike="noStrike" kern="1200" spc="0" baseline="0">
              <a:solidFill>
                <a:schemeClr val="tx2"/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4.9992841159784654E-2"/>
          <c:y val="0.31393631778647996"/>
          <c:w val="0.8875147527934254"/>
          <c:h val="0.58579630253437576"/>
        </c:manualLayout>
      </c:layout>
      <c:barChart>
        <c:barDir val="col"/>
        <c:grouping val="clustered"/>
        <c:varyColors val="0"/>
        <c:ser>
          <c:idx val="0"/>
          <c:order val="0"/>
          <c:tx>
            <c:strRef>
              <c:f>'2021 vs 2019'!$C$182</c:f>
              <c:strCache>
                <c:ptCount val="1"/>
                <c:pt idx="0">
                  <c:v>RPKs</c:v>
                </c:pt>
              </c:strCache>
            </c:strRef>
          </c:tx>
          <c:spPr>
            <a:solidFill>
              <a:schemeClr val="bg1">
                <a:lumMod val="65000"/>
              </a:schemeClr>
            </a:solidFill>
            <a:ln>
              <a:noFill/>
            </a:ln>
            <a:effectLst/>
          </c:spPr>
          <c:invertIfNegative val="0"/>
          <c:dPt>
            <c:idx val="3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1-33E4-4383-A7B5-DCA82D95E6B1}"/>
              </c:ext>
            </c:extLst>
          </c:dPt>
          <c:dPt>
            <c:idx val="4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3-33E4-4383-A7B5-DCA82D95E6B1}"/>
              </c:ext>
            </c:extLst>
          </c:dPt>
          <c:dPt>
            <c:idx val="5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5-33E4-4383-A7B5-DCA82D95E6B1}"/>
              </c:ext>
            </c:extLst>
          </c:dPt>
          <c:dPt>
            <c:idx val="6"/>
            <c:invertIfNegative val="0"/>
            <c:bubble3D val="0"/>
            <c:spPr>
              <a:solidFill>
                <a:schemeClr val="accent5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7-33E4-4383-A7B5-DCA82D95E6B1}"/>
              </c:ext>
            </c:extLst>
          </c:dPt>
          <c:dLbls>
            <c:numFmt formatCode="0.0%" sourceLinked="0"/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600" b="0" i="0" u="none" strike="noStrike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'2021 vs 2019'!$D$181:$J$181</c:f>
              <c:strCache>
                <c:ptCount val="7"/>
                <c:pt idx="0">
                  <c:v>ASPAC</c:v>
                </c:pt>
                <c:pt idx="1">
                  <c:v>Africa</c:v>
                </c:pt>
                <c:pt idx="2">
                  <c:v>ME</c:v>
                </c:pt>
                <c:pt idx="3">
                  <c:v>Europe</c:v>
                </c:pt>
                <c:pt idx="4">
                  <c:v>Nth.Am</c:v>
                </c:pt>
                <c:pt idx="5">
                  <c:v>Lat.Am</c:v>
                </c:pt>
                <c:pt idx="6">
                  <c:v>Industry</c:v>
                </c:pt>
              </c:strCache>
            </c:strRef>
          </c:cat>
          <c:val>
            <c:numRef>
              <c:f>'2021 vs 2019'!$D$182:$J$182</c:f>
              <c:numCache>
                <c:formatCode>0%</c:formatCode>
                <c:ptCount val="7"/>
                <c:pt idx="0">
                  <c:v>-0.67391241854361761</c:v>
                </c:pt>
                <c:pt idx="1">
                  <c:v>-0.5856279311373731</c:v>
                </c:pt>
                <c:pt idx="2">
                  <c:v>-0.53929699234831485</c:v>
                </c:pt>
                <c:pt idx="3">
                  <c:v>-0.42451357390070554</c:v>
                </c:pt>
                <c:pt idx="4">
                  <c:v>-0.2945606306140689</c:v>
                </c:pt>
                <c:pt idx="5">
                  <c:v>-0.26153336085377488</c:v>
                </c:pt>
                <c:pt idx="6">
                  <c:v>-0.4958857302835187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33E4-4383-A7B5-DCA82D95E6B1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</c:dLbls>
        <c:gapWidth val="122"/>
        <c:overlap val="-27"/>
        <c:axId val="145137607"/>
        <c:axId val="145138919"/>
      </c:barChart>
      <c:catAx>
        <c:axId val="145137607"/>
        <c:scaling>
          <c:orientation val="minMax"/>
        </c:scaling>
        <c:delete val="0"/>
        <c:axPos val="b"/>
        <c:numFmt formatCode="General" sourceLinked="1"/>
        <c:majorTickMark val="cross"/>
        <c:minorTickMark val="none"/>
        <c:tickLblPos val="high"/>
        <c:spPr>
          <a:noFill/>
          <a:ln w="9525" cap="flat" cmpd="sng" algn="ctr">
            <a:solidFill>
              <a:schemeClr val="tx2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8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45138919"/>
        <c:crosses val="autoZero"/>
        <c:auto val="1"/>
        <c:lblAlgn val="ctr"/>
        <c:lblOffset val="100"/>
        <c:noMultiLvlLbl val="0"/>
      </c:catAx>
      <c:valAx>
        <c:axId val="145138919"/>
        <c:scaling>
          <c:orientation val="minMax"/>
        </c:scaling>
        <c:delete val="1"/>
        <c:axPos val="l"/>
        <c:numFmt formatCode="0%" sourceLinked="1"/>
        <c:majorTickMark val="none"/>
        <c:minorTickMark val="none"/>
        <c:tickLblPos val="nextTo"/>
        <c:crossAx val="145137607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 w="9525" cap="flat" cmpd="sng" algn="ctr">
      <a:noFill/>
      <a:round/>
    </a:ln>
    <a:effectLst/>
  </c:spPr>
  <c:txPr>
    <a:bodyPr/>
    <a:lstStyle/>
    <a:p>
      <a:pPr>
        <a:defRPr>
          <a:solidFill>
            <a:schemeClr val="tx2"/>
          </a:solidFill>
        </a:defRPr>
      </a:pPr>
      <a:endParaRPr lang="en-US"/>
    </a:p>
  </c:txPr>
  <c:externalData r:id="rId4">
    <c:autoUpdate val="0"/>
  </c:externalData>
  <c:userShapes r:id="rId5"/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680" b="1" i="0" u="none" strike="noStrike" kern="1200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r>
              <a:rPr lang="en-US" sz="1680" b="1" dirty="0">
                <a:solidFill>
                  <a:schemeClr val="tx1"/>
                </a:solidFill>
              </a:rPr>
              <a:t>Global Google</a:t>
            </a:r>
            <a:r>
              <a:rPr lang="en-US" sz="1680" b="1" baseline="0" dirty="0">
                <a:solidFill>
                  <a:schemeClr val="tx1"/>
                </a:solidFill>
              </a:rPr>
              <a:t> Search</a:t>
            </a:r>
            <a:endParaRPr lang="en-US" sz="1680" b="1" dirty="0">
              <a:solidFill>
                <a:schemeClr val="tx1"/>
              </a:solidFill>
            </a:endParaRP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80" b="1" i="0" u="none" strike="noStrike" kern="1200" spc="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5.2867804024496937E-2"/>
          <c:y val="0.16021041398146818"/>
          <c:w val="0.92957821522309714"/>
          <c:h val="0.69829008184119545"/>
        </c:manualLayout>
      </c:layout>
      <c:lineChart>
        <c:grouping val="standard"/>
        <c:varyColors val="0"/>
        <c:ser>
          <c:idx val="0"/>
          <c:order val="0"/>
          <c:tx>
            <c:strRef>
              <c:f>'multiTimeline (3)'!$B$3</c:f>
              <c:strCache>
                <c:ptCount val="1"/>
                <c:pt idx="0">
                  <c:v>COVID: (Worldwide)</c:v>
                </c:pt>
              </c:strCache>
            </c:strRef>
          </c:tx>
          <c:spPr>
            <a:ln w="38100" cap="rnd">
              <a:solidFill>
                <a:schemeClr val="accent1"/>
              </a:solidFill>
              <a:round/>
            </a:ln>
            <a:effectLst/>
          </c:spPr>
          <c:marker>
            <c:symbol val="none"/>
          </c:marker>
          <c:cat>
            <c:numRef>
              <c:f>'multiTimeline (3)'!$A$4:$A$65</c:f>
              <c:numCache>
                <c:formatCode>m/d/yyyy</c:formatCode>
                <c:ptCount val="62"/>
                <c:pt idx="0">
                  <c:v>44199</c:v>
                </c:pt>
                <c:pt idx="1">
                  <c:v>44206</c:v>
                </c:pt>
                <c:pt idx="2">
                  <c:v>44213</c:v>
                </c:pt>
                <c:pt idx="3">
                  <c:v>44220</c:v>
                </c:pt>
                <c:pt idx="4">
                  <c:v>44227</c:v>
                </c:pt>
                <c:pt idx="5">
                  <c:v>44234</c:v>
                </c:pt>
                <c:pt idx="6">
                  <c:v>44241</c:v>
                </c:pt>
                <c:pt idx="7">
                  <c:v>44248</c:v>
                </c:pt>
                <c:pt idx="8">
                  <c:v>44255</c:v>
                </c:pt>
                <c:pt idx="9">
                  <c:v>44262</c:v>
                </c:pt>
                <c:pt idx="10">
                  <c:v>44269</c:v>
                </c:pt>
                <c:pt idx="11">
                  <c:v>44276</c:v>
                </c:pt>
                <c:pt idx="12">
                  <c:v>44283</c:v>
                </c:pt>
                <c:pt idx="13">
                  <c:v>44290</c:v>
                </c:pt>
                <c:pt idx="14">
                  <c:v>44297</c:v>
                </c:pt>
                <c:pt idx="15">
                  <c:v>44304</c:v>
                </c:pt>
                <c:pt idx="16">
                  <c:v>44311</c:v>
                </c:pt>
                <c:pt idx="17">
                  <c:v>44318</c:v>
                </c:pt>
                <c:pt idx="18">
                  <c:v>44325</c:v>
                </c:pt>
                <c:pt idx="19">
                  <c:v>44332</c:v>
                </c:pt>
                <c:pt idx="20">
                  <c:v>44339</c:v>
                </c:pt>
                <c:pt idx="21">
                  <c:v>44346</c:v>
                </c:pt>
                <c:pt idx="22">
                  <c:v>44353</c:v>
                </c:pt>
                <c:pt idx="23">
                  <c:v>44360</c:v>
                </c:pt>
                <c:pt idx="24">
                  <c:v>44367</c:v>
                </c:pt>
                <c:pt idx="25">
                  <c:v>44374</c:v>
                </c:pt>
                <c:pt idx="26">
                  <c:v>44381</c:v>
                </c:pt>
                <c:pt idx="27">
                  <c:v>44388</c:v>
                </c:pt>
                <c:pt idx="28">
                  <c:v>44395</c:v>
                </c:pt>
                <c:pt idx="29">
                  <c:v>44402</c:v>
                </c:pt>
                <c:pt idx="30">
                  <c:v>44409</c:v>
                </c:pt>
                <c:pt idx="31">
                  <c:v>44416</c:v>
                </c:pt>
                <c:pt idx="32">
                  <c:v>44423</c:v>
                </c:pt>
                <c:pt idx="33">
                  <c:v>44430</c:v>
                </c:pt>
                <c:pt idx="34">
                  <c:v>44437</c:v>
                </c:pt>
                <c:pt idx="35">
                  <c:v>44444</c:v>
                </c:pt>
                <c:pt idx="36">
                  <c:v>44451</c:v>
                </c:pt>
                <c:pt idx="37">
                  <c:v>44458</c:v>
                </c:pt>
                <c:pt idx="38">
                  <c:v>44465</c:v>
                </c:pt>
                <c:pt idx="39">
                  <c:v>44472</c:v>
                </c:pt>
                <c:pt idx="40">
                  <c:v>44479</c:v>
                </c:pt>
                <c:pt idx="41">
                  <c:v>44486</c:v>
                </c:pt>
                <c:pt idx="42">
                  <c:v>44493</c:v>
                </c:pt>
                <c:pt idx="43">
                  <c:v>44500</c:v>
                </c:pt>
                <c:pt idx="44">
                  <c:v>44507</c:v>
                </c:pt>
                <c:pt idx="45">
                  <c:v>44514</c:v>
                </c:pt>
                <c:pt idx="46">
                  <c:v>44521</c:v>
                </c:pt>
                <c:pt idx="47">
                  <c:v>44528</c:v>
                </c:pt>
                <c:pt idx="48">
                  <c:v>44535</c:v>
                </c:pt>
                <c:pt idx="49">
                  <c:v>44542</c:v>
                </c:pt>
                <c:pt idx="50">
                  <c:v>44549</c:v>
                </c:pt>
                <c:pt idx="51">
                  <c:v>44556</c:v>
                </c:pt>
                <c:pt idx="52">
                  <c:v>44563</c:v>
                </c:pt>
                <c:pt idx="53">
                  <c:v>44570</c:v>
                </c:pt>
                <c:pt idx="54">
                  <c:v>44577</c:v>
                </c:pt>
                <c:pt idx="55">
                  <c:v>44584</c:v>
                </c:pt>
                <c:pt idx="56">
                  <c:v>44591</c:v>
                </c:pt>
                <c:pt idx="57">
                  <c:v>44598</c:v>
                </c:pt>
                <c:pt idx="58">
                  <c:v>44605</c:v>
                </c:pt>
                <c:pt idx="59">
                  <c:v>44612</c:v>
                </c:pt>
                <c:pt idx="60">
                  <c:v>44619</c:v>
                </c:pt>
              </c:numCache>
            </c:numRef>
          </c:cat>
          <c:val>
            <c:numRef>
              <c:f>'multiTimeline (3)'!$B$4:$B$65</c:f>
              <c:numCache>
                <c:formatCode>General</c:formatCode>
                <c:ptCount val="62"/>
                <c:pt idx="0">
                  <c:v>64</c:v>
                </c:pt>
                <c:pt idx="1">
                  <c:v>63</c:v>
                </c:pt>
                <c:pt idx="2">
                  <c:v>59</c:v>
                </c:pt>
                <c:pt idx="3">
                  <c:v>57</c:v>
                </c:pt>
                <c:pt idx="4">
                  <c:v>54</c:v>
                </c:pt>
                <c:pt idx="5">
                  <c:v>50</c:v>
                </c:pt>
                <c:pt idx="6">
                  <c:v>47</c:v>
                </c:pt>
                <c:pt idx="7">
                  <c:v>50</c:v>
                </c:pt>
                <c:pt idx="8">
                  <c:v>56</c:v>
                </c:pt>
                <c:pt idx="9">
                  <c:v>57</c:v>
                </c:pt>
                <c:pt idx="10">
                  <c:v>58</c:v>
                </c:pt>
                <c:pt idx="11">
                  <c:v>60</c:v>
                </c:pt>
                <c:pt idx="12">
                  <c:v>64</c:v>
                </c:pt>
                <c:pt idx="13">
                  <c:v>64</c:v>
                </c:pt>
                <c:pt idx="14">
                  <c:v>62</c:v>
                </c:pt>
                <c:pt idx="15">
                  <c:v>61</c:v>
                </c:pt>
                <c:pt idx="16">
                  <c:v>67</c:v>
                </c:pt>
                <c:pt idx="17">
                  <c:v>60</c:v>
                </c:pt>
                <c:pt idx="18">
                  <c:v>60</c:v>
                </c:pt>
                <c:pt idx="19">
                  <c:v>56</c:v>
                </c:pt>
                <c:pt idx="20">
                  <c:v>54</c:v>
                </c:pt>
                <c:pt idx="21">
                  <c:v>57</c:v>
                </c:pt>
                <c:pt idx="22">
                  <c:v>49</c:v>
                </c:pt>
                <c:pt idx="23">
                  <c:v>48</c:v>
                </c:pt>
                <c:pt idx="24">
                  <c:v>56</c:v>
                </c:pt>
                <c:pt idx="25">
                  <c:v>52</c:v>
                </c:pt>
                <c:pt idx="26">
                  <c:v>54</c:v>
                </c:pt>
                <c:pt idx="27">
                  <c:v>60</c:v>
                </c:pt>
                <c:pt idx="28">
                  <c:v>65</c:v>
                </c:pt>
                <c:pt idx="29">
                  <c:v>66</c:v>
                </c:pt>
                <c:pt idx="30">
                  <c:v>70</c:v>
                </c:pt>
                <c:pt idx="31">
                  <c:v>65</c:v>
                </c:pt>
                <c:pt idx="32">
                  <c:v>65</c:v>
                </c:pt>
                <c:pt idx="33">
                  <c:v>62</c:v>
                </c:pt>
                <c:pt idx="34">
                  <c:v>60</c:v>
                </c:pt>
                <c:pt idx="35">
                  <c:v>51</c:v>
                </c:pt>
                <c:pt idx="36">
                  <c:v>51</c:v>
                </c:pt>
                <c:pt idx="37">
                  <c:v>43</c:v>
                </c:pt>
                <c:pt idx="38">
                  <c:v>43</c:v>
                </c:pt>
                <c:pt idx="39">
                  <c:v>40</c:v>
                </c:pt>
                <c:pt idx="40">
                  <c:v>39</c:v>
                </c:pt>
                <c:pt idx="41">
                  <c:v>39</c:v>
                </c:pt>
                <c:pt idx="42">
                  <c:v>36</c:v>
                </c:pt>
                <c:pt idx="43">
                  <c:v>37</c:v>
                </c:pt>
                <c:pt idx="44">
                  <c:v>39</c:v>
                </c:pt>
                <c:pt idx="45">
                  <c:v>42</c:v>
                </c:pt>
                <c:pt idx="46">
                  <c:v>46</c:v>
                </c:pt>
                <c:pt idx="47">
                  <c:v>50</c:v>
                </c:pt>
                <c:pt idx="48">
                  <c:v>47</c:v>
                </c:pt>
                <c:pt idx="49">
                  <c:v>67</c:v>
                </c:pt>
                <c:pt idx="50">
                  <c:v>75</c:v>
                </c:pt>
                <c:pt idx="51">
                  <c:v>92</c:v>
                </c:pt>
                <c:pt idx="52">
                  <c:v>100</c:v>
                </c:pt>
                <c:pt idx="53">
                  <c:v>85</c:v>
                </c:pt>
                <c:pt idx="54">
                  <c:v>90</c:v>
                </c:pt>
                <c:pt idx="55">
                  <c:v>55</c:v>
                </c:pt>
                <c:pt idx="56">
                  <c:v>45</c:v>
                </c:pt>
                <c:pt idx="57">
                  <c:v>36</c:v>
                </c:pt>
                <c:pt idx="58">
                  <c:v>32</c:v>
                </c:pt>
                <c:pt idx="59">
                  <c:v>29</c:v>
                </c:pt>
                <c:pt idx="60">
                  <c:v>25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9646-44E4-858D-28285C2B1E96}"/>
            </c:ext>
          </c:extLst>
        </c:ser>
        <c:ser>
          <c:idx val="1"/>
          <c:order val="1"/>
          <c:tx>
            <c:strRef>
              <c:f>'multiTimeline (3)'!$C$3</c:f>
              <c:strCache>
                <c:ptCount val="1"/>
                <c:pt idx="0">
                  <c:v>War: (Worldwide)</c:v>
                </c:pt>
              </c:strCache>
            </c:strRef>
          </c:tx>
          <c:spPr>
            <a:ln w="38100" cap="rnd">
              <a:solidFill>
                <a:schemeClr val="accent2"/>
              </a:solidFill>
              <a:round/>
            </a:ln>
            <a:effectLst/>
          </c:spPr>
          <c:marker>
            <c:symbol val="none"/>
          </c:marker>
          <c:cat>
            <c:numRef>
              <c:f>'multiTimeline (3)'!$A$4:$A$65</c:f>
              <c:numCache>
                <c:formatCode>m/d/yyyy</c:formatCode>
                <c:ptCount val="62"/>
                <c:pt idx="0">
                  <c:v>44199</c:v>
                </c:pt>
                <c:pt idx="1">
                  <c:v>44206</c:v>
                </c:pt>
                <c:pt idx="2">
                  <c:v>44213</c:v>
                </c:pt>
                <c:pt idx="3">
                  <c:v>44220</c:v>
                </c:pt>
                <c:pt idx="4">
                  <c:v>44227</c:v>
                </c:pt>
                <c:pt idx="5">
                  <c:v>44234</c:v>
                </c:pt>
                <c:pt idx="6">
                  <c:v>44241</c:v>
                </c:pt>
                <c:pt idx="7">
                  <c:v>44248</c:v>
                </c:pt>
                <c:pt idx="8">
                  <c:v>44255</c:v>
                </c:pt>
                <c:pt idx="9">
                  <c:v>44262</c:v>
                </c:pt>
                <c:pt idx="10">
                  <c:v>44269</c:v>
                </c:pt>
                <c:pt idx="11">
                  <c:v>44276</c:v>
                </c:pt>
                <c:pt idx="12">
                  <c:v>44283</c:v>
                </c:pt>
                <c:pt idx="13">
                  <c:v>44290</c:v>
                </c:pt>
                <c:pt idx="14">
                  <c:v>44297</c:v>
                </c:pt>
                <c:pt idx="15">
                  <c:v>44304</c:v>
                </c:pt>
                <c:pt idx="16">
                  <c:v>44311</c:v>
                </c:pt>
                <c:pt idx="17">
                  <c:v>44318</c:v>
                </c:pt>
                <c:pt idx="18">
                  <c:v>44325</c:v>
                </c:pt>
                <c:pt idx="19">
                  <c:v>44332</c:v>
                </c:pt>
                <c:pt idx="20">
                  <c:v>44339</c:v>
                </c:pt>
                <c:pt idx="21">
                  <c:v>44346</c:v>
                </c:pt>
                <c:pt idx="22">
                  <c:v>44353</c:v>
                </c:pt>
                <c:pt idx="23">
                  <c:v>44360</c:v>
                </c:pt>
                <c:pt idx="24">
                  <c:v>44367</c:v>
                </c:pt>
                <c:pt idx="25">
                  <c:v>44374</c:v>
                </c:pt>
                <c:pt idx="26">
                  <c:v>44381</c:v>
                </c:pt>
                <c:pt idx="27">
                  <c:v>44388</c:v>
                </c:pt>
                <c:pt idx="28">
                  <c:v>44395</c:v>
                </c:pt>
                <c:pt idx="29">
                  <c:v>44402</c:v>
                </c:pt>
                <c:pt idx="30">
                  <c:v>44409</c:v>
                </c:pt>
                <c:pt idx="31">
                  <c:v>44416</c:v>
                </c:pt>
                <c:pt idx="32">
                  <c:v>44423</c:v>
                </c:pt>
                <c:pt idx="33">
                  <c:v>44430</c:v>
                </c:pt>
                <c:pt idx="34">
                  <c:v>44437</c:v>
                </c:pt>
                <c:pt idx="35">
                  <c:v>44444</c:v>
                </c:pt>
                <c:pt idx="36">
                  <c:v>44451</c:v>
                </c:pt>
                <c:pt idx="37">
                  <c:v>44458</c:v>
                </c:pt>
                <c:pt idx="38">
                  <c:v>44465</c:v>
                </c:pt>
                <c:pt idx="39">
                  <c:v>44472</c:v>
                </c:pt>
                <c:pt idx="40">
                  <c:v>44479</c:v>
                </c:pt>
                <c:pt idx="41">
                  <c:v>44486</c:v>
                </c:pt>
                <c:pt idx="42">
                  <c:v>44493</c:v>
                </c:pt>
                <c:pt idx="43">
                  <c:v>44500</c:v>
                </c:pt>
                <c:pt idx="44">
                  <c:v>44507</c:v>
                </c:pt>
                <c:pt idx="45">
                  <c:v>44514</c:v>
                </c:pt>
                <c:pt idx="46">
                  <c:v>44521</c:v>
                </c:pt>
                <c:pt idx="47">
                  <c:v>44528</c:v>
                </c:pt>
                <c:pt idx="48">
                  <c:v>44535</c:v>
                </c:pt>
                <c:pt idx="49">
                  <c:v>44542</c:v>
                </c:pt>
                <c:pt idx="50">
                  <c:v>44549</c:v>
                </c:pt>
                <c:pt idx="51">
                  <c:v>44556</c:v>
                </c:pt>
                <c:pt idx="52">
                  <c:v>44563</c:v>
                </c:pt>
                <c:pt idx="53">
                  <c:v>44570</c:v>
                </c:pt>
                <c:pt idx="54">
                  <c:v>44577</c:v>
                </c:pt>
                <c:pt idx="55">
                  <c:v>44584</c:v>
                </c:pt>
                <c:pt idx="56">
                  <c:v>44591</c:v>
                </c:pt>
                <c:pt idx="57">
                  <c:v>44598</c:v>
                </c:pt>
                <c:pt idx="58">
                  <c:v>44605</c:v>
                </c:pt>
                <c:pt idx="59">
                  <c:v>44612</c:v>
                </c:pt>
                <c:pt idx="60">
                  <c:v>44619</c:v>
                </c:pt>
              </c:numCache>
            </c:numRef>
          </c:cat>
          <c:val>
            <c:numRef>
              <c:f>'multiTimeline (3)'!$C$4:$C$65</c:f>
              <c:numCache>
                <c:formatCode>General</c:formatCode>
                <c:ptCount val="62"/>
                <c:pt idx="0">
                  <c:v>46</c:v>
                </c:pt>
                <c:pt idx="1">
                  <c:v>44</c:v>
                </c:pt>
                <c:pt idx="2">
                  <c:v>46</c:v>
                </c:pt>
                <c:pt idx="3">
                  <c:v>42</c:v>
                </c:pt>
                <c:pt idx="4">
                  <c:v>43</c:v>
                </c:pt>
                <c:pt idx="5">
                  <c:v>42</c:v>
                </c:pt>
                <c:pt idx="6">
                  <c:v>41</c:v>
                </c:pt>
                <c:pt idx="7">
                  <c:v>43</c:v>
                </c:pt>
                <c:pt idx="8">
                  <c:v>43</c:v>
                </c:pt>
                <c:pt idx="9">
                  <c:v>39</c:v>
                </c:pt>
                <c:pt idx="10">
                  <c:v>38</c:v>
                </c:pt>
                <c:pt idx="11">
                  <c:v>38</c:v>
                </c:pt>
                <c:pt idx="12">
                  <c:v>37</c:v>
                </c:pt>
                <c:pt idx="13">
                  <c:v>38</c:v>
                </c:pt>
                <c:pt idx="14">
                  <c:v>38</c:v>
                </c:pt>
                <c:pt idx="15">
                  <c:v>40</c:v>
                </c:pt>
                <c:pt idx="16">
                  <c:v>40</c:v>
                </c:pt>
                <c:pt idx="17">
                  <c:v>39</c:v>
                </c:pt>
                <c:pt idx="18">
                  <c:v>40</c:v>
                </c:pt>
                <c:pt idx="19">
                  <c:v>41</c:v>
                </c:pt>
                <c:pt idx="20">
                  <c:v>38</c:v>
                </c:pt>
                <c:pt idx="21">
                  <c:v>38</c:v>
                </c:pt>
                <c:pt idx="22">
                  <c:v>33</c:v>
                </c:pt>
                <c:pt idx="23">
                  <c:v>33</c:v>
                </c:pt>
                <c:pt idx="24">
                  <c:v>32</c:v>
                </c:pt>
                <c:pt idx="25">
                  <c:v>40</c:v>
                </c:pt>
                <c:pt idx="26">
                  <c:v>47</c:v>
                </c:pt>
                <c:pt idx="27">
                  <c:v>39</c:v>
                </c:pt>
                <c:pt idx="28">
                  <c:v>38</c:v>
                </c:pt>
                <c:pt idx="29">
                  <c:v>35</c:v>
                </c:pt>
                <c:pt idx="30">
                  <c:v>32</c:v>
                </c:pt>
                <c:pt idx="31">
                  <c:v>34</c:v>
                </c:pt>
                <c:pt idx="32">
                  <c:v>41</c:v>
                </c:pt>
                <c:pt idx="33">
                  <c:v>35</c:v>
                </c:pt>
                <c:pt idx="34">
                  <c:v>34</c:v>
                </c:pt>
                <c:pt idx="35">
                  <c:v>36</c:v>
                </c:pt>
                <c:pt idx="36">
                  <c:v>35</c:v>
                </c:pt>
                <c:pt idx="37">
                  <c:v>34</c:v>
                </c:pt>
                <c:pt idx="38">
                  <c:v>33</c:v>
                </c:pt>
                <c:pt idx="39">
                  <c:v>33</c:v>
                </c:pt>
                <c:pt idx="40">
                  <c:v>32</c:v>
                </c:pt>
                <c:pt idx="41">
                  <c:v>33</c:v>
                </c:pt>
                <c:pt idx="42">
                  <c:v>33</c:v>
                </c:pt>
                <c:pt idx="43">
                  <c:v>32</c:v>
                </c:pt>
                <c:pt idx="44">
                  <c:v>34</c:v>
                </c:pt>
                <c:pt idx="45">
                  <c:v>32</c:v>
                </c:pt>
                <c:pt idx="46">
                  <c:v>31</c:v>
                </c:pt>
                <c:pt idx="47">
                  <c:v>32</c:v>
                </c:pt>
                <c:pt idx="48">
                  <c:v>34</c:v>
                </c:pt>
                <c:pt idx="49">
                  <c:v>33</c:v>
                </c:pt>
                <c:pt idx="50">
                  <c:v>32</c:v>
                </c:pt>
                <c:pt idx="51">
                  <c:v>34</c:v>
                </c:pt>
                <c:pt idx="52">
                  <c:v>36</c:v>
                </c:pt>
                <c:pt idx="53">
                  <c:v>36</c:v>
                </c:pt>
                <c:pt idx="54">
                  <c:v>41</c:v>
                </c:pt>
                <c:pt idx="55">
                  <c:v>44</c:v>
                </c:pt>
                <c:pt idx="56">
                  <c:v>38</c:v>
                </c:pt>
                <c:pt idx="57">
                  <c:v>38</c:v>
                </c:pt>
                <c:pt idx="58">
                  <c:v>40</c:v>
                </c:pt>
                <c:pt idx="59">
                  <c:v>100</c:v>
                </c:pt>
                <c:pt idx="60">
                  <c:v>1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9646-44E4-858D-28285C2B1E96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2141792784"/>
        <c:axId val="2141793440"/>
      </c:lineChart>
      <c:dateAx>
        <c:axId val="2141792784"/>
        <c:scaling>
          <c:orientation val="minMax"/>
        </c:scaling>
        <c:delete val="0"/>
        <c:axPos val="b"/>
        <c:numFmt formatCode="[$-409]mmm\-yy;@" sourceLinked="0"/>
        <c:majorTickMark val="out"/>
        <c:minorTickMark val="none"/>
        <c:tickLblPos val="nextTo"/>
        <c:spPr>
          <a:noFill/>
          <a:ln w="9525" cap="flat" cmpd="sng" algn="ctr">
            <a:solidFill>
              <a:schemeClr val="tx1"/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4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141793440"/>
        <c:crosses val="autoZero"/>
        <c:auto val="1"/>
        <c:lblOffset val="100"/>
        <c:baseTimeUnit val="days"/>
      </c:dateAx>
      <c:valAx>
        <c:axId val="2141793440"/>
        <c:scaling>
          <c:orientation val="minMax"/>
          <c:max val="101"/>
          <c:min val="0"/>
        </c:scaling>
        <c:delete val="0"/>
        <c:axPos val="l"/>
        <c:numFmt formatCode="General" sourceLinked="1"/>
        <c:majorTickMark val="out"/>
        <c:minorTickMark val="none"/>
        <c:tickLblPos val="nextTo"/>
        <c:spPr>
          <a:noFill/>
          <a:ln>
            <a:solidFill>
              <a:schemeClr val="tx2"/>
            </a:solidFill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400" b="0" i="0" u="none" strike="noStrike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141792784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 w="9525" cap="flat" cmpd="sng" algn="ctr">
      <a:noFill/>
      <a:round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  <c:userShapes r:id="rId5"/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8.0520284917931246E-3"/>
          <c:y val="2.9748283752860413E-2"/>
          <c:w val="0.9838959430164137"/>
          <c:h val="0.94050343249427915"/>
        </c:manualLayout>
      </c:layout>
      <c:barChart>
        <c:barDir val="col"/>
        <c:grouping val="stacked"/>
        <c:varyColors val="0"/>
        <c:ser>
          <c:idx val="0"/>
          <c:order val="0"/>
          <c:spPr>
            <a:solidFill>
              <a:schemeClr val="accent1"/>
            </a:solidFill>
            <a:ln>
              <a:noFill/>
            </a:ln>
          </c:spPr>
          <c:invertIfNegative val="0"/>
          <c:val>
            <c:numRef>
              <c:f>Sheet1!$A$1:$J$1</c:f>
              <c:numCache>
                <c:formatCode>General</c:formatCode>
                <c:ptCount val="10"/>
                <c:pt idx="0">
                  <c:v>-145.19626062961086</c:v>
                </c:pt>
                <c:pt idx="1">
                  <c:v>-112.28347841378704</c:v>
                </c:pt>
                <c:pt idx="2">
                  <c:v>-51.747937601300876</c:v>
                </c:pt>
                <c:pt idx="3">
                  <c:v>-41.942588827572855</c:v>
                </c:pt>
                <c:pt idx="4">
                  <c:v>-33.546333582503443</c:v>
                </c:pt>
                <c:pt idx="5">
                  <c:v>-31.44688501524271</c:v>
                </c:pt>
                <c:pt idx="6">
                  <c:v>-31.332369696454386</c:v>
                </c:pt>
                <c:pt idx="7">
                  <c:v>-31.009201217053405</c:v>
                </c:pt>
                <c:pt idx="8">
                  <c:v>-27.485781900072524</c:v>
                </c:pt>
                <c:pt idx="9">
                  <c:v>-27.23116739854473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A7C7-46BF-A2B6-9F0DC5ECC90C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80"/>
        <c:overlap val="100"/>
        <c:axId val="958883840"/>
        <c:axId val="1"/>
      </c:barChart>
      <c:catAx>
        <c:axId val="958883840"/>
        <c:scaling>
          <c:orientation val="minMax"/>
        </c:scaling>
        <c:delete val="0"/>
        <c:axPos val="t"/>
        <c:majorGridlines>
          <c:spPr>
            <a:ln>
              <a:noFill/>
            </a:ln>
          </c:spPr>
        </c:majorGridlines>
        <c:majorTickMark val="none"/>
        <c:minorTickMark val="none"/>
        <c:tickLblPos val="none"/>
        <c:spPr>
          <a:ln w="9525" algn="ctr">
            <a:solidFill>
              <a:schemeClr val="tx1"/>
            </a:solidFill>
            <a:prstDash val="solid"/>
          </a:ln>
        </c:spPr>
        <c:crossAx val="1"/>
        <c:crosses val="max"/>
        <c:auto val="0"/>
        <c:lblAlgn val="ctr"/>
        <c:lblOffset val="100"/>
        <c:noMultiLvlLbl val="0"/>
      </c:catAx>
      <c:valAx>
        <c:axId val="1"/>
        <c:scaling>
          <c:orientation val="minMax"/>
          <c:max val="0"/>
          <c:min val="-145.19626062961086"/>
        </c:scaling>
        <c:delete val="1"/>
        <c:axPos val="l"/>
        <c:numFmt formatCode="General" sourceLinked="1"/>
        <c:majorTickMark val="out"/>
        <c:minorTickMark val="none"/>
        <c:tickLblPos val="nextTo"/>
        <c:crossAx val="958883840"/>
        <c:crosses val="min"/>
        <c:crossBetween val="between"/>
      </c:valAx>
    </c:plotArea>
    <c:plotVisOnly val="0"/>
    <c:dispBlanksAs val="gap"/>
    <c:showDLblsOverMax val="1"/>
  </c:chart>
  <c:externalData r:id="rId1">
    <c:autoUpdate val="0"/>
  </c:externalData>
</c:chartSpace>
</file>

<file path=ppt/charts/chart6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1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lineChart>
        <c:grouping val="standard"/>
        <c:varyColors val="0"/>
        <c:ser>
          <c:idx val="0"/>
          <c:order val="0"/>
          <c:tx>
            <c:strRef>
              <c:f>'GB 2019-YTD'!$B$3</c:f>
              <c:strCache>
                <c:ptCount val="1"/>
                <c:pt idx="0">
                  <c:v>Gross Sales (M)</c:v>
                </c:pt>
              </c:strCache>
            </c:strRef>
          </c:tx>
          <c:spPr>
            <a:ln w="28575" cap="rnd">
              <a:solidFill>
                <a:schemeClr val="accent1"/>
              </a:solidFill>
              <a:round/>
            </a:ln>
            <a:effectLst/>
          </c:spPr>
          <c:marker>
            <c:symbol val="none"/>
          </c:marker>
          <c:cat>
            <c:numRef>
              <c:f>'GB 2019-YTD'!$A$4:$A$42</c:f>
              <c:numCache>
                <c:formatCode>mmm\-yy</c:formatCode>
                <c:ptCount val="39"/>
                <c:pt idx="0">
                  <c:v>43466</c:v>
                </c:pt>
                <c:pt idx="1">
                  <c:v>43497</c:v>
                </c:pt>
                <c:pt idx="2">
                  <c:v>43525</c:v>
                </c:pt>
                <c:pt idx="3">
                  <c:v>43556</c:v>
                </c:pt>
                <c:pt idx="4">
                  <c:v>43586</c:v>
                </c:pt>
                <c:pt idx="5">
                  <c:v>43617</c:v>
                </c:pt>
                <c:pt idx="6">
                  <c:v>43647</c:v>
                </c:pt>
                <c:pt idx="7">
                  <c:v>43678</c:v>
                </c:pt>
                <c:pt idx="8">
                  <c:v>43709</c:v>
                </c:pt>
                <c:pt idx="9">
                  <c:v>43739</c:v>
                </c:pt>
                <c:pt idx="10">
                  <c:v>43770</c:v>
                </c:pt>
                <c:pt idx="11">
                  <c:v>43800</c:v>
                </c:pt>
                <c:pt idx="12">
                  <c:v>43831</c:v>
                </c:pt>
                <c:pt idx="13">
                  <c:v>43862</c:v>
                </c:pt>
                <c:pt idx="14">
                  <c:v>43891</c:v>
                </c:pt>
                <c:pt idx="15">
                  <c:v>43922</c:v>
                </c:pt>
                <c:pt idx="16">
                  <c:v>43952</c:v>
                </c:pt>
                <c:pt idx="17">
                  <c:v>43983</c:v>
                </c:pt>
                <c:pt idx="18">
                  <c:v>44013</c:v>
                </c:pt>
                <c:pt idx="19">
                  <c:v>44044</c:v>
                </c:pt>
                <c:pt idx="20">
                  <c:v>44075</c:v>
                </c:pt>
                <c:pt idx="21">
                  <c:v>44105</c:v>
                </c:pt>
                <c:pt idx="22">
                  <c:v>44136</c:v>
                </c:pt>
                <c:pt idx="23">
                  <c:v>44166</c:v>
                </c:pt>
                <c:pt idx="24">
                  <c:v>44197</c:v>
                </c:pt>
                <c:pt idx="25">
                  <c:v>44228</c:v>
                </c:pt>
                <c:pt idx="26">
                  <c:v>44256</c:v>
                </c:pt>
                <c:pt idx="27">
                  <c:v>44287</c:v>
                </c:pt>
                <c:pt idx="28">
                  <c:v>44317</c:v>
                </c:pt>
                <c:pt idx="29">
                  <c:v>44348</c:v>
                </c:pt>
                <c:pt idx="30">
                  <c:v>44378</c:v>
                </c:pt>
                <c:pt idx="31">
                  <c:v>44409</c:v>
                </c:pt>
                <c:pt idx="32">
                  <c:v>44440</c:v>
                </c:pt>
                <c:pt idx="33">
                  <c:v>44470</c:v>
                </c:pt>
                <c:pt idx="34">
                  <c:v>44501</c:v>
                </c:pt>
                <c:pt idx="35">
                  <c:v>44531</c:v>
                </c:pt>
                <c:pt idx="36">
                  <c:v>44562</c:v>
                </c:pt>
                <c:pt idx="37">
                  <c:v>44593</c:v>
                </c:pt>
                <c:pt idx="38">
                  <c:v>44621</c:v>
                </c:pt>
              </c:numCache>
            </c:numRef>
          </c:cat>
          <c:val>
            <c:numRef>
              <c:f>'GB 2019-YTD'!$B$4:$B$42</c:f>
              <c:numCache>
                <c:formatCode>General</c:formatCode>
                <c:ptCount val="39"/>
                <c:pt idx="0" formatCode="#,##0.00">
                  <c:v>1181.6300000000001</c:v>
                </c:pt>
                <c:pt idx="1">
                  <c:v>996.73</c:v>
                </c:pt>
                <c:pt idx="2" formatCode="#,##0.00">
                  <c:v>1054.56</c:v>
                </c:pt>
                <c:pt idx="3">
                  <c:v>947.94</c:v>
                </c:pt>
                <c:pt idx="4" formatCode="#,##0.00">
                  <c:v>1043.3499999999999</c:v>
                </c:pt>
                <c:pt idx="5">
                  <c:v>958.09</c:v>
                </c:pt>
                <c:pt idx="6" formatCode="#,##0.00">
                  <c:v>1016.57</c:v>
                </c:pt>
                <c:pt idx="7">
                  <c:v>961.8</c:v>
                </c:pt>
                <c:pt idx="8" formatCode="#,##0.00">
                  <c:v>1075.5899999999999</c:v>
                </c:pt>
                <c:pt idx="9" formatCode="#,##0.00">
                  <c:v>1089.3900000000001</c:v>
                </c:pt>
                <c:pt idx="10">
                  <c:v>931.33</c:v>
                </c:pt>
                <c:pt idx="11">
                  <c:v>745.66</c:v>
                </c:pt>
                <c:pt idx="12" formatCode="#,##0.00">
                  <c:v>1199.72</c:v>
                </c:pt>
                <c:pt idx="13">
                  <c:v>825.9</c:v>
                </c:pt>
                <c:pt idx="14">
                  <c:v>98.66</c:v>
                </c:pt>
                <c:pt idx="15">
                  <c:v>-107.16</c:v>
                </c:pt>
                <c:pt idx="16">
                  <c:v>-69.55</c:v>
                </c:pt>
                <c:pt idx="17">
                  <c:v>-81.02</c:v>
                </c:pt>
                <c:pt idx="18">
                  <c:v>-72.45</c:v>
                </c:pt>
                <c:pt idx="19">
                  <c:v>-56.84</c:v>
                </c:pt>
                <c:pt idx="20">
                  <c:v>-33.049999999999997</c:v>
                </c:pt>
                <c:pt idx="21">
                  <c:v>21.06</c:v>
                </c:pt>
                <c:pt idx="22">
                  <c:v>67.180000000000007</c:v>
                </c:pt>
                <c:pt idx="23">
                  <c:v>90.41</c:v>
                </c:pt>
                <c:pt idx="24">
                  <c:v>38.83</c:v>
                </c:pt>
                <c:pt idx="25">
                  <c:v>45.93</c:v>
                </c:pt>
                <c:pt idx="26">
                  <c:v>73.38</c:v>
                </c:pt>
                <c:pt idx="27">
                  <c:v>67.760000000000005</c:v>
                </c:pt>
                <c:pt idx="28">
                  <c:v>80.05</c:v>
                </c:pt>
                <c:pt idx="29">
                  <c:v>110.94</c:v>
                </c:pt>
                <c:pt idx="30">
                  <c:v>131.94999999999999</c:v>
                </c:pt>
                <c:pt idx="31">
                  <c:v>179.99</c:v>
                </c:pt>
                <c:pt idx="32">
                  <c:v>301.23</c:v>
                </c:pt>
                <c:pt idx="33">
                  <c:v>461.26</c:v>
                </c:pt>
                <c:pt idx="34">
                  <c:v>528.41</c:v>
                </c:pt>
                <c:pt idx="35">
                  <c:v>249.49</c:v>
                </c:pt>
                <c:pt idx="36" formatCode="0.00">
                  <c:v>459.3</c:v>
                </c:pt>
                <c:pt idx="37">
                  <c:v>652.82000000000005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779D-4FC8-9C59-732338EC9C77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864246896"/>
        <c:axId val="864247880"/>
      </c:lineChart>
      <c:dateAx>
        <c:axId val="864246896"/>
        <c:scaling>
          <c:orientation val="minMax"/>
        </c:scaling>
        <c:delete val="0"/>
        <c:axPos val="b"/>
        <c:numFmt formatCode="mmm\-yy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050" b="1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864247880"/>
        <c:crosses val="autoZero"/>
        <c:auto val="1"/>
        <c:lblOffset val="100"/>
        <c:baseTimeUnit val="months"/>
      </c:dateAx>
      <c:valAx>
        <c:axId val="864247880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1000" b="0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/>
                  <a:t>Millions</a:t>
                </a:r>
                <a:r>
                  <a:rPr lang="en-US" baseline="0"/>
                  <a:t> GBP</a:t>
                </a:r>
                <a:endParaRPr lang="en-US"/>
              </a:p>
            </c:rich>
          </c:tx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1000" b="0" i="0" u="none" strike="noStrike" kern="1200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#,##0.00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050" b="1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864246896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4">
    <c:autoUpdate val="0"/>
  </c:externalData>
</c:chartSpace>
</file>

<file path=ppt/charts/chart7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5.4765504624233657E-2"/>
          <c:y val="0.13133333333333333"/>
          <c:w val="0.92232081320116766"/>
          <c:h val="0.65803042943364343"/>
        </c:manualLayout>
      </c:layout>
      <c:lineChart>
        <c:grouping val="standard"/>
        <c:varyColors val="0"/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206337568"/>
        <c:axId val="206337896"/>
        <c:extLst>
          <c:ext xmlns:c15="http://schemas.microsoft.com/office/drawing/2012/chart" uri="{02D57815-91ED-43cb-92C2-25804820EDAC}">
            <c15:filteredLineSeries>
              <c15:ser>
                <c:idx val="0"/>
                <c:order val="0"/>
                <c:tx>
                  <c:strRef>
                    <c:extLst>
                      <c:ext uri="{02D57815-91ED-43cb-92C2-25804820EDAC}">
                        <c15:formulaRef>
                          <c15:sqref>'GB 2018-2021'!$B$1</c15:sqref>
                        </c15:formulaRef>
                      </c:ext>
                    </c:extLst>
                    <c:strCache>
                      <c:ptCount val="1"/>
                      <c:pt idx="0">
                        <c:v>Gross Sales (M)</c:v>
                      </c:pt>
                    </c:strCache>
                  </c:strRef>
                </c:tx>
                <c:spPr>
                  <a:ln w="28575" cap="rnd">
                    <a:solidFill>
                      <a:schemeClr val="accent1"/>
                    </a:solidFill>
                    <a:round/>
                  </a:ln>
                  <a:effectLst/>
                </c:spPr>
                <c:marker>
                  <c:symbol val="none"/>
                </c:marker>
                <c:cat>
                  <c:numRef>
                    <c:extLst>
                      <c:ext uri="{02D57815-91ED-43cb-92C2-25804820EDAC}">
                        <c15:formulaRef>
                          <c15:sqref>'GB 2018-2021'!$A$2:$A$51</c15:sqref>
                        </c15:formulaRef>
                      </c:ext>
                    </c:extLst>
                    <c:numCache>
                      <c:formatCode>mmm\-yy</c:formatCode>
                      <c:ptCount val="50"/>
                      <c:pt idx="0">
                        <c:v>43101</c:v>
                      </c:pt>
                      <c:pt idx="1">
                        <c:v>43132</c:v>
                      </c:pt>
                      <c:pt idx="2">
                        <c:v>43160</c:v>
                      </c:pt>
                      <c:pt idx="3">
                        <c:v>43191</c:v>
                      </c:pt>
                      <c:pt idx="4">
                        <c:v>43221</c:v>
                      </c:pt>
                      <c:pt idx="5">
                        <c:v>43252</c:v>
                      </c:pt>
                      <c:pt idx="6">
                        <c:v>43282</c:v>
                      </c:pt>
                      <c:pt idx="7">
                        <c:v>43313</c:v>
                      </c:pt>
                      <c:pt idx="8">
                        <c:v>43344</c:v>
                      </c:pt>
                      <c:pt idx="9">
                        <c:v>43374</c:v>
                      </c:pt>
                      <c:pt idx="10">
                        <c:v>43405</c:v>
                      </c:pt>
                      <c:pt idx="11">
                        <c:v>43435</c:v>
                      </c:pt>
                      <c:pt idx="12">
                        <c:v>43466</c:v>
                      </c:pt>
                      <c:pt idx="13">
                        <c:v>43497</c:v>
                      </c:pt>
                      <c:pt idx="14">
                        <c:v>43525</c:v>
                      </c:pt>
                      <c:pt idx="15">
                        <c:v>43556</c:v>
                      </c:pt>
                      <c:pt idx="16">
                        <c:v>43586</c:v>
                      </c:pt>
                      <c:pt idx="17">
                        <c:v>43617</c:v>
                      </c:pt>
                      <c:pt idx="18">
                        <c:v>43647</c:v>
                      </c:pt>
                      <c:pt idx="19">
                        <c:v>43678</c:v>
                      </c:pt>
                      <c:pt idx="20">
                        <c:v>43709</c:v>
                      </c:pt>
                      <c:pt idx="21">
                        <c:v>43739</c:v>
                      </c:pt>
                      <c:pt idx="22">
                        <c:v>43770</c:v>
                      </c:pt>
                      <c:pt idx="23">
                        <c:v>43800</c:v>
                      </c:pt>
                      <c:pt idx="24">
                        <c:v>43831</c:v>
                      </c:pt>
                      <c:pt idx="25">
                        <c:v>43862</c:v>
                      </c:pt>
                      <c:pt idx="26">
                        <c:v>43891</c:v>
                      </c:pt>
                      <c:pt idx="27">
                        <c:v>43922</c:v>
                      </c:pt>
                      <c:pt idx="28">
                        <c:v>43952</c:v>
                      </c:pt>
                      <c:pt idx="29">
                        <c:v>43983</c:v>
                      </c:pt>
                      <c:pt idx="30">
                        <c:v>44013</c:v>
                      </c:pt>
                      <c:pt idx="31">
                        <c:v>44044</c:v>
                      </c:pt>
                      <c:pt idx="32">
                        <c:v>44075</c:v>
                      </c:pt>
                      <c:pt idx="33">
                        <c:v>44105</c:v>
                      </c:pt>
                      <c:pt idx="34">
                        <c:v>44136</c:v>
                      </c:pt>
                      <c:pt idx="35">
                        <c:v>44166</c:v>
                      </c:pt>
                      <c:pt idx="36">
                        <c:v>44197</c:v>
                      </c:pt>
                      <c:pt idx="37">
                        <c:v>44228</c:v>
                      </c:pt>
                      <c:pt idx="38">
                        <c:v>44256</c:v>
                      </c:pt>
                      <c:pt idx="39">
                        <c:v>44287</c:v>
                      </c:pt>
                      <c:pt idx="40">
                        <c:v>44317</c:v>
                      </c:pt>
                      <c:pt idx="41">
                        <c:v>44348</c:v>
                      </c:pt>
                      <c:pt idx="42">
                        <c:v>44378</c:v>
                      </c:pt>
                      <c:pt idx="43">
                        <c:v>44409</c:v>
                      </c:pt>
                      <c:pt idx="44">
                        <c:v>44440</c:v>
                      </c:pt>
                      <c:pt idx="45">
                        <c:v>44470</c:v>
                      </c:pt>
                      <c:pt idx="46">
                        <c:v>44501</c:v>
                      </c:pt>
                      <c:pt idx="47">
                        <c:v>44531</c:v>
                      </c:pt>
                      <c:pt idx="48">
                        <c:v>44562</c:v>
                      </c:pt>
                      <c:pt idx="49">
                        <c:v>44593</c:v>
                      </c:pt>
                    </c:numCache>
                  </c:numRef>
                </c:cat>
                <c:val>
                  <c:numRef>
                    <c:extLst>
                      <c:ext uri="{02D57815-91ED-43cb-92C2-25804820EDAC}">
                        <c15:formulaRef>
                          <c15:sqref>'GB 2018-2021'!$B$2:$B$51</c15:sqref>
                        </c15:formulaRef>
                      </c:ext>
                    </c:extLst>
                    <c:numCache>
                      <c:formatCode>#,##0.00</c:formatCode>
                      <c:ptCount val="50"/>
                      <c:pt idx="0">
                        <c:v>1200.02</c:v>
                      </c:pt>
                      <c:pt idx="1">
                        <c:v>1009.17</c:v>
                      </c:pt>
                      <c:pt idx="2">
                        <c:v>1051.18</c:v>
                      </c:pt>
                      <c:pt idx="3" formatCode="General">
                        <c:v>963.03</c:v>
                      </c:pt>
                      <c:pt idx="4">
                        <c:v>1022.05</c:v>
                      </c:pt>
                      <c:pt idx="5">
                        <c:v>1005.12</c:v>
                      </c:pt>
                      <c:pt idx="6" formatCode="General">
                        <c:v>982.24</c:v>
                      </c:pt>
                      <c:pt idx="7" formatCode="General">
                        <c:v>982.67</c:v>
                      </c:pt>
                      <c:pt idx="8">
                        <c:v>1025.07</c:v>
                      </c:pt>
                      <c:pt idx="9">
                        <c:v>1062.1400000000001</c:v>
                      </c:pt>
                      <c:pt idx="10" formatCode="General">
                        <c:v>935.6</c:v>
                      </c:pt>
                      <c:pt idx="11" formatCode="General">
                        <c:v>701.5</c:v>
                      </c:pt>
                      <c:pt idx="12">
                        <c:v>1181.6300000000001</c:v>
                      </c:pt>
                      <c:pt idx="13" formatCode="General">
                        <c:v>996.73</c:v>
                      </c:pt>
                      <c:pt idx="14">
                        <c:v>1054.56</c:v>
                      </c:pt>
                      <c:pt idx="15" formatCode="General">
                        <c:v>947.94</c:v>
                      </c:pt>
                      <c:pt idx="16">
                        <c:v>1043.3499999999999</c:v>
                      </c:pt>
                      <c:pt idx="17" formatCode="General">
                        <c:v>958.09</c:v>
                      </c:pt>
                      <c:pt idx="18">
                        <c:v>1016.57</c:v>
                      </c:pt>
                      <c:pt idx="19" formatCode="General">
                        <c:v>961.8</c:v>
                      </c:pt>
                      <c:pt idx="20">
                        <c:v>1075.5899999999999</c:v>
                      </c:pt>
                      <c:pt idx="21">
                        <c:v>1089.3900000000001</c:v>
                      </c:pt>
                      <c:pt idx="22" formatCode="General">
                        <c:v>931.33</c:v>
                      </c:pt>
                      <c:pt idx="23" formatCode="General">
                        <c:v>745.66</c:v>
                      </c:pt>
                      <c:pt idx="24">
                        <c:v>1199.72</c:v>
                      </c:pt>
                      <c:pt idx="25" formatCode="General">
                        <c:v>825.9</c:v>
                      </c:pt>
                      <c:pt idx="26" formatCode="General">
                        <c:v>98.66</c:v>
                      </c:pt>
                      <c:pt idx="27" formatCode="General">
                        <c:v>-107.16</c:v>
                      </c:pt>
                      <c:pt idx="28" formatCode="General">
                        <c:v>-69.55</c:v>
                      </c:pt>
                      <c:pt idx="29" formatCode="General">
                        <c:v>-81.02</c:v>
                      </c:pt>
                      <c:pt idx="30" formatCode="General">
                        <c:v>-72.45</c:v>
                      </c:pt>
                      <c:pt idx="31" formatCode="General">
                        <c:v>-56.84</c:v>
                      </c:pt>
                      <c:pt idx="32" formatCode="General">
                        <c:v>-33.049999999999997</c:v>
                      </c:pt>
                      <c:pt idx="33" formatCode="General">
                        <c:v>21.06</c:v>
                      </c:pt>
                      <c:pt idx="34" formatCode="General">
                        <c:v>67.180000000000007</c:v>
                      </c:pt>
                      <c:pt idx="35" formatCode="General">
                        <c:v>90.41</c:v>
                      </c:pt>
                      <c:pt idx="36" formatCode="General">
                        <c:v>38.83</c:v>
                      </c:pt>
                      <c:pt idx="37" formatCode="General">
                        <c:v>45.93</c:v>
                      </c:pt>
                      <c:pt idx="38" formatCode="General">
                        <c:v>73.38</c:v>
                      </c:pt>
                      <c:pt idx="39" formatCode="General">
                        <c:v>67.760000000000005</c:v>
                      </c:pt>
                      <c:pt idx="40" formatCode="General">
                        <c:v>80.05</c:v>
                      </c:pt>
                      <c:pt idx="41" formatCode="General">
                        <c:v>110.94</c:v>
                      </c:pt>
                      <c:pt idx="42" formatCode="General">
                        <c:v>131.94999999999999</c:v>
                      </c:pt>
                      <c:pt idx="43" formatCode="General">
                        <c:v>179.99</c:v>
                      </c:pt>
                    </c:numCache>
                  </c:numRef>
                </c:val>
                <c:smooth val="0"/>
                <c:extLst>
                  <c:ext xmlns:c16="http://schemas.microsoft.com/office/drawing/2014/chart" uri="{C3380CC4-5D6E-409C-BE32-E72D297353CC}">
                    <c16:uniqueId val="{00000001-B377-4E0C-A268-CAFA49F58F7E}"/>
                  </c:ext>
                </c:extLst>
              </c15:ser>
            </c15:filteredLineSeries>
            <c15:filteredLineSeries>
              <c15:ser>
                <c:idx val="2"/>
                <c:order val="1"/>
                <c:tx>
                  <c:str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'GB 2018-2021'!$D$1</c15:sqref>
                        </c15:formulaRef>
                      </c:ext>
                    </c:extLst>
                    <c:strCache>
                      <c:ptCount val="1"/>
                      <c:pt idx="0">
                        <c:v>% Cash</c:v>
                      </c:pt>
                    </c:strCache>
                  </c:strRef>
                </c:tx>
                <c:spPr>
                  <a:ln w="28575" cap="rnd">
                    <a:solidFill>
                      <a:schemeClr val="accent3"/>
                    </a:solidFill>
                    <a:round/>
                  </a:ln>
                  <a:effectLst/>
                </c:spPr>
                <c:marker>
                  <c:symbol val="none"/>
                </c:marker>
                <c:cat>
                  <c:num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'GB 2018-2021'!$A$2:$A$51</c15:sqref>
                        </c15:formulaRef>
                      </c:ext>
                    </c:extLst>
                    <c:numCache>
                      <c:formatCode>mmm\-yy</c:formatCode>
                      <c:ptCount val="50"/>
                      <c:pt idx="0">
                        <c:v>43101</c:v>
                      </c:pt>
                      <c:pt idx="1">
                        <c:v>43132</c:v>
                      </c:pt>
                      <c:pt idx="2">
                        <c:v>43160</c:v>
                      </c:pt>
                      <c:pt idx="3">
                        <c:v>43191</c:v>
                      </c:pt>
                      <c:pt idx="4">
                        <c:v>43221</c:v>
                      </c:pt>
                      <c:pt idx="5">
                        <c:v>43252</c:v>
                      </c:pt>
                      <c:pt idx="6">
                        <c:v>43282</c:v>
                      </c:pt>
                      <c:pt idx="7">
                        <c:v>43313</c:v>
                      </c:pt>
                      <c:pt idx="8">
                        <c:v>43344</c:v>
                      </c:pt>
                      <c:pt idx="9">
                        <c:v>43374</c:v>
                      </c:pt>
                      <c:pt idx="10">
                        <c:v>43405</c:v>
                      </c:pt>
                      <c:pt idx="11">
                        <c:v>43435</c:v>
                      </c:pt>
                      <c:pt idx="12">
                        <c:v>43466</c:v>
                      </c:pt>
                      <c:pt idx="13">
                        <c:v>43497</c:v>
                      </c:pt>
                      <c:pt idx="14">
                        <c:v>43525</c:v>
                      </c:pt>
                      <c:pt idx="15">
                        <c:v>43556</c:v>
                      </c:pt>
                      <c:pt idx="16">
                        <c:v>43586</c:v>
                      </c:pt>
                      <c:pt idx="17">
                        <c:v>43617</c:v>
                      </c:pt>
                      <c:pt idx="18">
                        <c:v>43647</c:v>
                      </c:pt>
                      <c:pt idx="19">
                        <c:v>43678</c:v>
                      </c:pt>
                      <c:pt idx="20">
                        <c:v>43709</c:v>
                      </c:pt>
                      <c:pt idx="21">
                        <c:v>43739</c:v>
                      </c:pt>
                      <c:pt idx="22">
                        <c:v>43770</c:v>
                      </c:pt>
                      <c:pt idx="23">
                        <c:v>43800</c:v>
                      </c:pt>
                      <c:pt idx="24">
                        <c:v>43831</c:v>
                      </c:pt>
                      <c:pt idx="25">
                        <c:v>43862</c:v>
                      </c:pt>
                      <c:pt idx="26">
                        <c:v>43891</c:v>
                      </c:pt>
                      <c:pt idx="27">
                        <c:v>43922</c:v>
                      </c:pt>
                      <c:pt idx="28">
                        <c:v>43952</c:v>
                      </c:pt>
                      <c:pt idx="29">
                        <c:v>43983</c:v>
                      </c:pt>
                      <c:pt idx="30">
                        <c:v>44013</c:v>
                      </c:pt>
                      <c:pt idx="31">
                        <c:v>44044</c:v>
                      </c:pt>
                      <c:pt idx="32">
                        <c:v>44075</c:v>
                      </c:pt>
                      <c:pt idx="33">
                        <c:v>44105</c:v>
                      </c:pt>
                      <c:pt idx="34">
                        <c:v>44136</c:v>
                      </c:pt>
                      <c:pt idx="35">
                        <c:v>44166</c:v>
                      </c:pt>
                      <c:pt idx="36">
                        <c:v>44197</c:v>
                      </c:pt>
                      <c:pt idx="37">
                        <c:v>44228</c:v>
                      </c:pt>
                      <c:pt idx="38">
                        <c:v>44256</c:v>
                      </c:pt>
                      <c:pt idx="39">
                        <c:v>44287</c:v>
                      </c:pt>
                      <c:pt idx="40">
                        <c:v>44317</c:v>
                      </c:pt>
                      <c:pt idx="41">
                        <c:v>44348</c:v>
                      </c:pt>
                      <c:pt idx="42">
                        <c:v>44378</c:v>
                      </c:pt>
                      <c:pt idx="43">
                        <c:v>44409</c:v>
                      </c:pt>
                      <c:pt idx="44">
                        <c:v>44440</c:v>
                      </c:pt>
                      <c:pt idx="45">
                        <c:v>44470</c:v>
                      </c:pt>
                      <c:pt idx="46">
                        <c:v>44501</c:v>
                      </c:pt>
                      <c:pt idx="47">
                        <c:v>44531</c:v>
                      </c:pt>
                      <c:pt idx="48">
                        <c:v>44562</c:v>
                      </c:pt>
                      <c:pt idx="49">
                        <c:v>44593</c:v>
                      </c:pt>
                    </c:numCache>
                  </c:numRef>
                </c:cat>
                <c:val>
                  <c:num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'GB 2018-2021'!$D$2:$D$51</c15:sqref>
                        </c15:formulaRef>
                      </c:ext>
                    </c:extLst>
                    <c:numCache>
                      <c:formatCode>0.00%</c:formatCode>
                      <c:ptCount val="50"/>
                      <c:pt idx="0">
                        <c:v>0.73980000000000001</c:v>
                      </c:pt>
                      <c:pt idx="1">
                        <c:v>0.73250000000000004</c:v>
                      </c:pt>
                      <c:pt idx="2">
                        <c:v>0.72309999999999997</c:v>
                      </c:pt>
                      <c:pt idx="3">
                        <c:v>0.70720000000000005</c:v>
                      </c:pt>
                      <c:pt idx="4">
                        <c:v>0.71</c:v>
                      </c:pt>
                      <c:pt idx="5">
                        <c:v>0.73209999999999997</c:v>
                      </c:pt>
                      <c:pt idx="6">
                        <c:v>0.73560000000000003</c:v>
                      </c:pt>
                      <c:pt idx="7">
                        <c:v>0.71879999999999999</c:v>
                      </c:pt>
                      <c:pt idx="8">
                        <c:v>0.70860000000000001</c:v>
                      </c:pt>
                      <c:pt idx="9">
                        <c:v>0.69940000000000002</c:v>
                      </c:pt>
                      <c:pt idx="10">
                        <c:v>0.70509999999999995</c:v>
                      </c:pt>
                      <c:pt idx="11">
                        <c:v>0.73750000000000004</c:v>
                      </c:pt>
                      <c:pt idx="12">
                        <c:v>0.71730000000000005</c:v>
                      </c:pt>
                      <c:pt idx="13">
                        <c:v>0.7127</c:v>
                      </c:pt>
                      <c:pt idx="14">
                        <c:v>0.70369999999999999</c:v>
                      </c:pt>
                      <c:pt idx="15">
                        <c:v>0.6925</c:v>
                      </c:pt>
                      <c:pt idx="16">
                        <c:v>0.69810000000000005</c:v>
                      </c:pt>
                      <c:pt idx="17">
                        <c:v>0.72119999999999995</c:v>
                      </c:pt>
                      <c:pt idx="18">
                        <c:v>0.72450000000000003</c:v>
                      </c:pt>
                      <c:pt idx="19">
                        <c:v>0.70750000000000002</c:v>
                      </c:pt>
                      <c:pt idx="20">
                        <c:v>0.70760000000000001</c:v>
                      </c:pt>
                      <c:pt idx="21">
                        <c:v>0.70440000000000003</c:v>
                      </c:pt>
                      <c:pt idx="22">
                        <c:v>0.71499999999999997</c:v>
                      </c:pt>
                      <c:pt idx="23">
                        <c:v>0.74809999999999999</c:v>
                      </c:pt>
                      <c:pt idx="24">
                        <c:v>0.72640000000000005</c:v>
                      </c:pt>
                      <c:pt idx="25">
                        <c:v>0.73360000000000003</c:v>
                      </c:pt>
                      <c:pt idx="26">
                        <c:v>0.82620000000000005</c:v>
                      </c:pt>
                      <c:pt idx="27">
                        <c:v>0.76180000000000003</c:v>
                      </c:pt>
                      <c:pt idx="28">
                        <c:v>0.8649</c:v>
                      </c:pt>
                      <c:pt idx="29">
                        <c:v>0.97740000000000005</c:v>
                      </c:pt>
                      <c:pt idx="30">
                        <c:v>1.0047999999999999</c:v>
                      </c:pt>
                      <c:pt idx="31">
                        <c:v>0.97489999999999999</c:v>
                      </c:pt>
                      <c:pt idx="32">
                        <c:v>0.99519999999999997</c:v>
                      </c:pt>
                      <c:pt idx="33">
                        <c:v>0.6008</c:v>
                      </c:pt>
                      <c:pt idx="34">
                        <c:v>0.7661</c:v>
                      </c:pt>
                      <c:pt idx="35">
                        <c:v>0.79110000000000003</c:v>
                      </c:pt>
                      <c:pt idx="36">
                        <c:v>0.73280000000000001</c:v>
                      </c:pt>
                      <c:pt idx="37">
                        <c:v>0.79530000000000001</c:v>
                      </c:pt>
                      <c:pt idx="38">
                        <c:v>0.75449999999999995</c:v>
                      </c:pt>
                      <c:pt idx="39">
                        <c:v>0.67359999999999998</c:v>
                      </c:pt>
                      <c:pt idx="40">
                        <c:v>0.68710000000000004</c:v>
                      </c:pt>
                      <c:pt idx="41">
                        <c:v>0.64749999999999996</c:v>
                      </c:pt>
                      <c:pt idx="42">
                        <c:v>0.71009999999999995</c:v>
                      </c:pt>
                      <c:pt idx="43">
                        <c:v>0.72650000000000003</c:v>
                      </c:pt>
                    </c:numCache>
                  </c:numRef>
                </c:val>
                <c:smooth val="0"/>
                <c:extLst xmlns:c15="http://schemas.microsoft.com/office/drawing/2012/chart">
                  <c:ext xmlns:c16="http://schemas.microsoft.com/office/drawing/2014/chart" uri="{C3380CC4-5D6E-409C-BE32-E72D297353CC}">
                    <c16:uniqueId val="{00000002-B377-4E0C-A268-CAFA49F58F7E}"/>
                  </c:ext>
                </c:extLst>
              </c15:ser>
            </c15:filteredLineSeries>
          </c:ext>
        </c:extLst>
      </c:lineChart>
      <c:catAx>
        <c:axId val="206337568"/>
        <c:scaling>
          <c:orientation val="minMax"/>
        </c:scaling>
        <c:delete val="0"/>
        <c:axPos val="b"/>
        <c:numFmt formatCode="mmm\-yy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06337896"/>
        <c:crosses val="autoZero"/>
        <c:auto val="1"/>
        <c:lblAlgn val="ctr"/>
        <c:lblOffset val="100"/>
        <c:noMultiLvlLbl val="1"/>
      </c:catAx>
      <c:valAx>
        <c:axId val="20633789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#,##0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06337568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8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1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>
        <c:manualLayout>
          <c:layoutTarget val="inner"/>
          <c:xMode val="edge"/>
          <c:yMode val="edge"/>
          <c:x val="0.12397774996417786"/>
          <c:y val="0.1880354128976526"/>
          <c:w val="0.85458172080927874"/>
          <c:h val="0.60832286126249269"/>
        </c:manualLayout>
      </c:layout>
      <c:lineChart>
        <c:grouping val="standard"/>
        <c:varyColors val="0"/>
        <c:ser>
          <c:idx val="1"/>
          <c:order val="1"/>
          <c:tx>
            <c:strRef>
              <c:f>'GB 2019-YTD'!$C$3</c:f>
              <c:strCache>
                <c:ptCount val="1"/>
                <c:pt idx="0">
                  <c:v>SCUs</c:v>
                </c:pt>
              </c:strCache>
            </c:strRef>
          </c:tx>
          <c:spPr>
            <a:ln w="28575" cap="rnd">
              <a:solidFill>
                <a:schemeClr val="accent2"/>
              </a:solidFill>
              <a:round/>
            </a:ln>
            <a:effectLst/>
          </c:spPr>
          <c:marker>
            <c:symbol val="none"/>
          </c:marker>
          <c:cat>
            <c:numRef>
              <c:f>'GB 2019-YTD'!$A$4:$A$42</c:f>
              <c:numCache>
                <c:formatCode>mmm\-yy</c:formatCode>
                <c:ptCount val="39"/>
                <c:pt idx="0">
                  <c:v>43466</c:v>
                </c:pt>
                <c:pt idx="1">
                  <c:v>43497</c:v>
                </c:pt>
                <c:pt idx="2">
                  <c:v>43525</c:v>
                </c:pt>
                <c:pt idx="3">
                  <c:v>43556</c:v>
                </c:pt>
                <c:pt idx="4">
                  <c:v>43586</c:v>
                </c:pt>
                <c:pt idx="5">
                  <c:v>43617</c:v>
                </c:pt>
                <c:pt idx="6">
                  <c:v>43647</c:v>
                </c:pt>
                <c:pt idx="7">
                  <c:v>43678</c:v>
                </c:pt>
                <c:pt idx="8">
                  <c:v>43709</c:v>
                </c:pt>
                <c:pt idx="9">
                  <c:v>43739</c:v>
                </c:pt>
                <c:pt idx="10">
                  <c:v>43770</c:v>
                </c:pt>
                <c:pt idx="11">
                  <c:v>43800</c:v>
                </c:pt>
                <c:pt idx="12">
                  <c:v>43831</c:v>
                </c:pt>
                <c:pt idx="13">
                  <c:v>43862</c:v>
                </c:pt>
                <c:pt idx="14">
                  <c:v>43891</c:v>
                </c:pt>
                <c:pt idx="15">
                  <c:v>43922</c:v>
                </c:pt>
                <c:pt idx="16">
                  <c:v>43952</c:v>
                </c:pt>
                <c:pt idx="17">
                  <c:v>43983</c:v>
                </c:pt>
                <c:pt idx="18">
                  <c:v>44013</c:v>
                </c:pt>
                <c:pt idx="19">
                  <c:v>44044</c:v>
                </c:pt>
                <c:pt idx="20">
                  <c:v>44075</c:v>
                </c:pt>
                <c:pt idx="21">
                  <c:v>44105</c:v>
                </c:pt>
                <c:pt idx="22">
                  <c:v>44136</c:v>
                </c:pt>
                <c:pt idx="23">
                  <c:v>44166</c:v>
                </c:pt>
                <c:pt idx="24">
                  <c:v>44197</c:v>
                </c:pt>
                <c:pt idx="25">
                  <c:v>44228</c:v>
                </c:pt>
                <c:pt idx="26">
                  <c:v>44256</c:v>
                </c:pt>
                <c:pt idx="27">
                  <c:v>44287</c:v>
                </c:pt>
                <c:pt idx="28">
                  <c:v>44317</c:v>
                </c:pt>
                <c:pt idx="29">
                  <c:v>44348</c:v>
                </c:pt>
                <c:pt idx="30">
                  <c:v>44378</c:v>
                </c:pt>
                <c:pt idx="31">
                  <c:v>44409</c:v>
                </c:pt>
                <c:pt idx="32">
                  <c:v>44440</c:v>
                </c:pt>
                <c:pt idx="33">
                  <c:v>44470</c:v>
                </c:pt>
                <c:pt idx="34">
                  <c:v>44501</c:v>
                </c:pt>
                <c:pt idx="35">
                  <c:v>44531</c:v>
                </c:pt>
                <c:pt idx="36">
                  <c:v>44562</c:v>
                </c:pt>
                <c:pt idx="37">
                  <c:v>44593</c:v>
                </c:pt>
                <c:pt idx="38">
                  <c:v>44621</c:v>
                </c:pt>
              </c:numCache>
            </c:numRef>
          </c:cat>
          <c:val>
            <c:numRef>
              <c:f>'GB 2019-YTD'!$C$4:$C$42</c:f>
              <c:numCache>
                <c:formatCode>#,##0</c:formatCode>
                <c:ptCount val="39"/>
                <c:pt idx="0">
                  <c:v>2441576</c:v>
                </c:pt>
                <c:pt idx="1">
                  <c:v>2043417</c:v>
                </c:pt>
                <c:pt idx="2">
                  <c:v>2274077</c:v>
                </c:pt>
                <c:pt idx="3">
                  <c:v>2008580</c:v>
                </c:pt>
                <c:pt idx="4">
                  <c:v>2194854</c:v>
                </c:pt>
                <c:pt idx="5">
                  <c:v>1965585</c:v>
                </c:pt>
                <c:pt idx="6">
                  <c:v>2055022</c:v>
                </c:pt>
                <c:pt idx="7">
                  <c:v>1985484</c:v>
                </c:pt>
                <c:pt idx="8">
                  <c:v>2202436</c:v>
                </c:pt>
                <c:pt idx="9">
                  <c:v>2179309</c:v>
                </c:pt>
                <c:pt idx="10">
                  <c:v>1940537</c:v>
                </c:pt>
                <c:pt idx="11">
                  <c:v>1581139</c:v>
                </c:pt>
                <c:pt idx="12">
                  <c:v>2613846</c:v>
                </c:pt>
                <c:pt idx="13">
                  <c:v>2113486</c:v>
                </c:pt>
                <c:pt idx="14">
                  <c:v>1448004</c:v>
                </c:pt>
                <c:pt idx="15">
                  <c:v>357313</c:v>
                </c:pt>
                <c:pt idx="16">
                  <c:v>317960</c:v>
                </c:pt>
                <c:pt idx="17">
                  <c:v>503229</c:v>
                </c:pt>
                <c:pt idx="18">
                  <c:v>729451</c:v>
                </c:pt>
                <c:pt idx="19">
                  <c:v>630084</c:v>
                </c:pt>
                <c:pt idx="20">
                  <c:v>714160</c:v>
                </c:pt>
                <c:pt idx="21">
                  <c:v>643758</c:v>
                </c:pt>
                <c:pt idx="22">
                  <c:v>577039</c:v>
                </c:pt>
                <c:pt idx="23">
                  <c:v>594691</c:v>
                </c:pt>
                <c:pt idx="24">
                  <c:v>542724</c:v>
                </c:pt>
                <c:pt idx="25">
                  <c:v>473866</c:v>
                </c:pt>
                <c:pt idx="26">
                  <c:v>547752</c:v>
                </c:pt>
                <c:pt idx="27">
                  <c:v>459782</c:v>
                </c:pt>
                <c:pt idx="28">
                  <c:v>521983</c:v>
                </c:pt>
                <c:pt idx="29">
                  <c:v>636573</c:v>
                </c:pt>
                <c:pt idx="30">
                  <c:v>683299</c:v>
                </c:pt>
                <c:pt idx="31">
                  <c:v>796894</c:v>
                </c:pt>
                <c:pt idx="32">
                  <c:v>1041088</c:v>
                </c:pt>
                <c:pt idx="33">
                  <c:v>1250351</c:v>
                </c:pt>
                <c:pt idx="34">
                  <c:v>1259571</c:v>
                </c:pt>
                <c:pt idx="35">
                  <c:v>836587</c:v>
                </c:pt>
                <c:pt idx="36">
                  <c:v>1272175</c:v>
                </c:pt>
                <c:pt idx="37">
                  <c:v>1502082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0-272B-415E-95D2-735A4EFEB844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smooth val="0"/>
        <c:axId val="206337568"/>
        <c:axId val="206337896"/>
        <c:extLst>
          <c:ext xmlns:c15="http://schemas.microsoft.com/office/drawing/2012/chart" uri="{02D57815-91ED-43cb-92C2-25804820EDAC}">
            <c15:filteredLineSeries>
              <c15:ser>
                <c:idx val="0"/>
                <c:order val="0"/>
                <c:tx>
                  <c:strRef>
                    <c:extLst>
                      <c:ext uri="{02D57815-91ED-43cb-92C2-25804820EDAC}">
                        <c15:formulaRef>
                          <c15:sqref>'GB 2019-YTD'!$B$3</c15:sqref>
                        </c15:formulaRef>
                      </c:ext>
                    </c:extLst>
                    <c:strCache>
                      <c:ptCount val="1"/>
                      <c:pt idx="0">
                        <c:v>Gross Sales (M)</c:v>
                      </c:pt>
                    </c:strCache>
                  </c:strRef>
                </c:tx>
                <c:spPr>
                  <a:ln w="28575" cap="rnd">
                    <a:solidFill>
                      <a:schemeClr val="accent1"/>
                    </a:solidFill>
                    <a:round/>
                  </a:ln>
                  <a:effectLst/>
                </c:spPr>
                <c:marker>
                  <c:symbol val="none"/>
                </c:marker>
                <c:cat>
                  <c:numRef>
                    <c:extLst>
                      <c:ext uri="{02D57815-91ED-43cb-92C2-25804820EDAC}">
                        <c15:formulaRef>
                          <c15:sqref>'GB 2019-YTD'!$A$4:$A$42</c15:sqref>
                        </c15:formulaRef>
                      </c:ext>
                    </c:extLst>
                    <c:numCache>
                      <c:formatCode>mmm\-yy</c:formatCode>
                      <c:ptCount val="39"/>
                      <c:pt idx="0">
                        <c:v>43466</c:v>
                      </c:pt>
                      <c:pt idx="1">
                        <c:v>43497</c:v>
                      </c:pt>
                      <c:pt idx="2">
                        <c:v>43525</c:v>
                      </c:pt>
                      <c:pt idx="3">
                        <c:v>43556</c:v>
                      </c:pt>
                      <c:pt idx="4">
                        <c:v>43586</c:v>
                      </c:pt>
                      <c:pt idx="5">
                        <c:v>43617</c:v>
                      </c:pt>
                      <c:pt idx="6">
                        <c:v>43647</c:v>
                      </c:pt>
                      <c:pt idx="7">
                        <c:v>43678</c:v>
                      </c:pt>
                      <c:pt idx="8">
                        <c:v>43709</c:v>
                      </c:pt>
                      <c:pt idx="9">
                        <c:v>43739</c:v>
                      </c:pt>
                      <c:pt idx="10">
                        <c:v>43770</c:v>
                      </c:pt>
                      <c:pt idx="11">
                        <c:v>43800</c:v>
                      </c:pt>
                      <c:pt idx="12">
                        <c:v>43831</c:v>
                      </c:pt>
                      <c:pt idx="13">
                        <c:v>43862</c:v>
                      </c:pt>
                      <c:pt idx="14">
                        <c:v>43891</c:v>
                      </c:pt>
                      <c:pt idx="15">
                        <c:v>43922</c:v>
                      </c:pt>
                      <c:pt idx="16">
                        <c:v>43952</c:v>
                      </c:pt>
                      <c:pt idx="17">
                        <c:v>43983</c:v>
                      </c:pt>
                      <c:pt idx="18">
                        <c:v>44013</c:v>
                      </c:pt>
                      <c:pt idx="19">
                        <c:v>44044</c:v>
                      </c:pt>
                      <c:pt idx="20">
                        <c:v>44075</c:v>
                      </c:pt>
                      <c:pt idx="21">
                        <c:v>44105</c:v>
                      </c:pt>
                      <c:pt idx="22">
                        <c:v>44136</c:v>
                      </c:pt>
                      <c:pt idx="23">
                        <c:v>44166</c:v>
                      </c:pt>
                      <c:pt idx="24">
                        <c:v>44197</c:v>
                      </c:pt>
                      <c:pt idx="25">
                        <c:v>44228</c:v>
                      </c:pt>
                      <c:pt idx="26">
                        <c:v>44256</c:v>
                      </c:pt>
                      <c:pt idx="27">
                        <c:v>44287</c:v>
                      </c:pt>
                      <c:pt idx="28">
                        <c:v>44317</c:v>
                      </c:pt>
                      <c:pt idx="29">
                        <c:v>44348</c:v>
                      </c:pt>
                      <c:pt idx="30">
                        <c:v>44378</c:v>
                      </c:pt>
                      <c:pt idx="31">
                        <c:v>44409</c:v>
                      </c:pt>
                      <c:pt idx="32">
                        <c:v>44440</c:v>
                      </c:pt>
                      <c:pt idx="33">
                        <c:v>44470</c:v>
                      </c:pt>
                      <c:pt idx="34">
                        <c:v>44501</c:v>
                      </c:pt>
                      <c:pt idx="35">
                        <c:v>44531</c:v>
                      </c:pt>
                      <c:pt idx="36">
                        <c:v>44562</c:v>
                      </c:pt>
                      <c:pt idx="37">
                        <c:v>44593</c:v>
                      </c:pt>
                      <c:pt idx="38">
                        <c:v>44621</c:v>
                      </c:pt>
                    </c:numCache>
                  </c:numRef>
                </c:cat>
                <c:val>
                  <c:numRef>
                    <c:extLst>
                      <c:ext uri="{02D57815-91ED-43cb-92C2-25804820EDAC}">
                        <c15:formulaRef>
                          <c15:sqref>'GB 2019-YTD'!$B$4:$B$41</c15:sqref>
                        </c15:formulaRef>
                      </c:ext>
                    </c:extLst>
                    <c:numCache>
                      <c:formatCode>General</c:formatCode>
                      <c:ptCount val="38"/>
                      <c:pt idx="0" formatCode="#,##0.00">
                        <c:v>1181.6300000000001</c:v>
                      </c:pt>
                      <c:pt idx="1">
                        <c:v>996.73</c:v>
                      </c:pt>
                      <c:pt idx="2" formatCode="#,##0.00">
                        <c:v>1054.56</c:v>
                      </c:pt>
                      <c:pt idx="3">
                        <c:v>947.94</c:v>
                      </c:pt>
                      <c:pt idx="4" formatCode="#,##0.00">
                        <c:v>1043.3499999999999</c:v>
                      </c:pt>
                      <c:pt idx="5">
                        <c:v>958.09</c:v>
                      </c:pt>
                      <c:pt idx="6" formatCode="#,##0.00">
                        <c:v>1016.57</c:v>
                      </c:pt>
                      <c:pt idx="7">
                        <c:v>961.8</c:v>
                      </c:pt>
                      <c:pt idx="8" formatCode="#,##0.00">
                        <c:v>1075.5899999999999</c:v>
                      </c:pt>
                      <c:pt idx="9" formatCode="#,##0.00">
                        <c:v>1089.3900000000001</c:v>
                      </c:pt>
                      <c:pt idx="10">
                        <c:v>931.33</c:v>
                      </c:pt>
                      <c:pt idx="11">
                        <c:v>745.66</c:v>
                      </c:pt>
                      <c:pt idx="12" formatCode="#,##0.00">
                        <c:v>1199.72</c:v>
                      </c:pt>
                      <c:pt idx="13">
                        <c:v>825.9</c:v>
                      </c:pt>
                      <c:pt idx="14">
                        <c:v>98.66</c:v>
                      </c:pt>
                      <c:pt idx="15">
                        <c:v>-107.16</c:v>
                      </c:pt>
                      <c:pt idx="16">
                        <c:v>-69.55</c:v>
                      </c:pt>
                      <c:pt idx="17">
                        <c:v>-81.02</c:v>
                      </c:pt>
                      <c:pt idx="18">
                        <c:v>-72.45</c:v>
                      </c:pt>
                      <c:pt idx="19">
                        <c:v>-56.84</c:v>
                      </c:pt>
                      <c:pt idx="20">
                        <c:v>-33.049999999999997</c:v>
                      </c:pt>
                      <c:pt idx="21">
                        <c:v>21.06</c:v>
                      </c:pt>
                      <c:pt idx="22">
                        <c:v>67.180000000000007</c:v>
                      </c:pt>
                      <c:pt idx="23">
                        <c:v>90.41</c:v>
                      </c:pt>
                      <c:pt idx="24">
                        <c:v>38.83</c:v>
                      </c:pt>
                      <c:pt idx="25">
                        <c:v>45.93</c:v>
                      </c:pt>
                      <c:pt idx="26">
                        <c:v>73.38</c:v>
                      </c:pt>
                      <c:pt idx="27">
                        <c:v>67.760000000000005</c:v>
                      </c:pt>
                      <c:pt idx="28">
                        <c:v>80.05</c:v>
                      </c:pt>
                      <c:pt idx="29">
                        <c:v>110.94</c:v>
                      </c:pt>
                      <c:pt idx="30">
                        <c:v>131.94999999999999</c:v>
                      </c:pt>
                      <c:pt idx="31">
                        <c:v>179.99</c:v>
                      </c:pt>
                      <c:pt idx="32">
                        <c:v>301.23</c:v>
                      </c:pt>
                      <c:pt idx="33">
                        <c:v>461.26</c:v>
                      </c:pt>
                      <c:pt idx="34">
                        <c:v>528.41</c:v>
                      </c:pt>
                      <c:pt idx="35">
                        <c:v>249.49</c:v>
                      </c:pt>
                      <c:pt idx="36" formatCode="0.00">
                        <c:v>459.3</c:v>
                      </c:pt>
                      <c:pt idx="37">
                        <c:v>652.82000000000005</c:v>
                      </c:pt>
                    </c:numCache>
                  </c:numRef>
                </c:val>
                <c:smooth val="0"/>
                <c:extLst>
                  <c:ext xmlns:c16="http://schemas.microsoft.com/office/drawing/2014/chart" uri="{C3380CC4-5D6E-409C-BE32-E72D297353CC}">
                    <c16:uniqueId val="{00000001-272B-415E-95D2-735A4EFEB844}"/>
                  </c:ext>
                </c:extLst>
              </c15:ser>
            </c15:filteredLineSeries>
            <c15:filteredLineSeries>
              <c15:ser>
                <c:idx val="2"/>
                <c:order val="2"/>
                <c:tx>
                  <c:str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'GB 2019-YTD'!$D$3</c15:sqref>
                        </c15:formulaRef>
                      </c:ext>
                    </c:extLst>
                    <c:strCache>
                      <c:ptCount val="1"/>
                      <c:pt idx="0">
                        <c:v>% Cash</c:v>
                      </c:pt>
                    </c:strCache>
                  </c:strRef>
                </c:tx>
                <c:spPr>
                  <a:ln w="28575" cap="rnd">
                    <a:solidFill>
                      <a:schemeClr val="accent3"/>
                    </a:solidFill>
                    <a:round/>
                  </a:ln>
                  <a:effectLst/>
                </c:spPr>
                <c:marker>
                  <c:symbol val="none"/>
                </c:marker>
                <c:cat>
                  <c:num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'GB 2019-YTD'!$A$4:$A$42</c15:sqref>
                        </c15:formulaRef>
                      </c:ext>
                    </c:extLst>
                    <c:numCache>
                      <c:formatCode>mmm\-yy</c:formatCode>
                      <c:ptCount val="39"/>
                      <c:pt idx="0">
                        <c:v>43466</c:v>
                      </c:pt>
                      <c:pt idx="1">
                        <c:v>43497</c:v>
                      </c:pt>
                      <c:pt idx="2">
                        <c:v>43525</c:v>
                      </c:pt>
                      <c:pt idx="3">
                        <c:v>43556</c:v>
                      </c:pt>
                      <c:pt idx="4">
                        <c:v>43586</c:v>
                      </c:pt>
                      <c:pt idx="5">
                        <c:v>43617</c:v>
                      </c:pt>
                      <c:pt idx="6">
                        <c:v>43647</c:v>
                      </c:pt>
                      <c:pt idx="7">
                        <c:v>43678</c:v>
                      </c:pt>
                      <c:pt idx="8">
                        <c:v>43709</c:v>
                      </c:pt>
                      <c:pt idx="9">
                        <c:v>43739</c:v>
                      </c:pt>
                      <c:pt idx="10">
                        <c:v>43770</c:v>
                      </c:pt>
                      <c:pt idx="11">
                        <c:v>43800</c:v>
                      </c:pt>
                      <c:pt idx="12">
                        <c:v>43831</c:v>
                      </c:pt>
                      <c:pt idx="13">
                        <c:v>43862</c:v>
                      </c:pt>
                      <c:pt idx="14">
                        <c:v>43891</c:v>
                      </c:pt>
                      <c:pt idx="15">
                        <c:v>43922</c:v>
                      </c:pt>
                      <c:pt idx="16">
                        <c:v>43952</c:v>
                      </c:pt>
                      <c:pt idx="17">
                        <c:v>43983</c:v>
                      </c:pt>
                      <c:pt idx="18">
                        <c:v>44013</c:v>
                      </c:pt>
                      <c:pt idx="19">
                        <c:v>44044</c:v>
                      </c:pt>
                      <c:pt idx="20">
                        <c:v>44075</c:v>
                      </c:pt>
                      <c:pt idx="21">
                        <c:v>44105</c:v>
                      </c:pt>
                      <c:pt idx="22">
                        <c:v>44136</c:v>
                      </c:pt>
                      <c:pt idx="23">
                        <c:v>44166</c:v>
                      </c:pt>
                      <c:pt idx="24">
                        <c:v>44197</c:v>
                      </c:pt>
                      <c:pt idx="25">
                        <c:v>44228</c:v>
                      </c:pt>
                      <c:pt idx="26">
                        <c:v>44256</c:v>
                      </c:pt>
                      <c:pt idx="27">
                        <c:v>44287</c:v>
                      </c:pt>
                      <c:pt idx="28">
                        <c:v>44317</c:v>
                      </c:pt>
                      <c:pt idx="29">
                        <c:v>44348</c:v>
                      </c:pt>
                      <c:pt idx="30">
                        <c:v>44378</c:v>
                      </c:pt>
                      <c:pt idx="31">
                        <c:v>44409</c:v>
                      </c:pt>
                      <c:pt idx="32">
                        <c:v>44440</c:v>
                      </c:pt>
                      <c:pt idx="33">
                        <c:v>44470</c:v>
                      </c:pt>
                      <c:pt idx="34">
                        <c:v>44501</c:v>
                      </c:pt>
                      <c:pt idx="35">
                        <c:v>44531</c:v>
                      </c:pt>
                      <c:pt idx="36">
                        <c:v>44562</c:v>
                      </c:pt>
                      <c:pt idx="37">
                        <c:v>44593</c:v>
                      </c:pt>
                      <c:pt idx="38">
                        <c:v>44621</c:v>
                      </c:pt>
                    </c:numCache>
                  </c:numRef>
                </c:cat>
                <c:val>
                  <c:numRef>
                    <c:extLst xmlns:c15="http://schemas.microsoft.com/office/drawing/2012/chart">
                      <c:ext xmlns:c15="http://schemas.microsoft.com/office/drawing/2012/chart" uri="{02D57815-91ED-43cb-92C2-25804820EDAC}">
                        <c15:formulaRef>
                          <c15:sqref>'GB 2019-YTD'!$D$4:$D$41</c15:sqref>
                        </c15:formulaRef>
                      </c:ext>
                    </c:extLst>
                    <c:numCache>
                      <c:formatCode>0.00%</c:formatCode>
                      <c:ptCount val="38"/>
                      <c:pt idx="0">
                        <c:v>0.71730000000000005</c:v>
                      </c:pt>
                      <c:pt idx="1">
                        <c:v>0.7127</c:v>
                      </c:pt>
                      <c:pt idx="2">
                        <c:v>0.70369999999999999</c:v>
                      </c:pt>
                      <c:pt idx="3">
                        <c:v>0.6925</c:v>
                      </c:pt>
                      <c:pt idx="4">
                        <c:v>0.69810000000000005</c:v>
                      </c:pt>
                      <c:pt idx="5">
                        <c:v>0.72119999999999995</c:v>
                      </c:pt>
                      <c:pt idx="6">
                        <c:v>0.72450000000000003</c:v>
                      </c:pt>
                      <c:pt idx="7">
                        <c:v>0.70750000000000002</c:v>
                      </c:pt>
                      <c:pt idx="8">
                        <c:v>0.70760000000000001</c:v>
                      </c:pt>
                      <c:pt idx="9">
                        <c:v>0.70440000000000003</c:v>
                      </c:pt>
                      <c:pt idx="10">
                        <c:v>0.71499999999999997</c:v>
                      </c:pt>
                      <c:pt idx="11">
                        <c:v>0.74809999999999999</c:v>
                      </c:pt>
                      <c:pt idx="12">
                        <c:v>0.72640000000000005</c:v>
                      </c:pt>
                      <c:pt idx="13">
                        <c:v>0.73360000000000003</c:v>
                      </c:pt>
                      <c:pt idx="14">
                        <c:v>0.82620000000000005</c:v>
                      </c:pt>
                      <c:pt idx="15">
                        <c:v>0.76180000000000003</c:v>
                      </c:pt>
                      <c:pt idx="16">
                        <c:v>0.8649</c:v>
                      </c:pt>
                      <c:pt idx="17">
                        <c:v>0.97740000000000005</c:v>
                      </c:pt>
                      <c:pt idx="18">
                        <c:v>1.0047999999999999</c:v>
                      </c:pt>
                      <c:pt idx="19">
                        <c:v>0.97489999999999999</c:v>
                      </c:pt>
                      <c:pt idx="20">
                        <c:v>0.99519999999999997</c:v>
                      </c:pt>
                      <c:pt idx="21">
                        <c:v>0.6008</c:v>
                      </c:pt>
                      <c:pt idx="22">
                        <c:v>0.7661</c:v>
                      </c:pt>
                      <c:pt idx="23">
                        <c:v>0.79110000000000003</c:v>
                      </c:pt>
                      <c:pt idx="24">
                        <c:v>0.73280000000000001</c:v>
                      </c:pt>
                      <c:pt idx="25">
                        <c:v>0.79530000000000001</c:v>
                      </c:pt>
                      <c:pt idx="26">
                        <c:v>0.75449999999999995</c:v>
                      </c:pt>
                      <c:pt idx="27">
                        <c:v>0.67359999999999998</c:v>
                      </c:pt>
                      <c:pt idx="28">
                        <c:v>0.68710000000000004</c:v>
                      </c:pt>
                      <c:pt idx="29">
                        <c:v>0.64749999999999996</c:v>
                      </c:pt>
                      <c:pt idx="30">
                        <c:v>0.71009999999999995</c:v>
                      </c:pt>
                      <c:pt idx="31">
                        <c:v>0.72650000000000003</c:v>
                      </c:pt>
                    </c:numCache>
                  </c:numRef>
                </c:val>
                <c:smooth val="0"/>
                <c:extLst xmlns:c15="http://schemas.microsoft.com/office/drawing/2012/chart">
                  <c:ext xmlns:c16="http://schemas.microsoft.com/office/drawing/2014/chart" uri="{C3380CC4-5D6E-409C-BE32-E72D297353CC}">
                    <c16:uniqueId val="{00000002-272B-415E-95D2-735A4EFEB844}"/>
                  </c:ext>
                </c:extLst>
              </c15:ser>
            </c15:filteredLineSeries>
          </c:ext>
        </c:extLst>
      </c:lineChart>
      <c:dateAx>
        <c:axId val="206337568"/>
        <c:scaling>
          <c:orientation val="minMax"/>
        </c:scaling>
        <c:delete val="0"/>
        <c:axPos val="b"/>
        <c:numFmt formatCode="mmm\-yy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050" b="1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06337896"/>
        <c:crosses val="autoZero"/>
        <c:auto val="1"/>
        <c:lblOffset val="100"/>
        <c:baseTimeUnit val="months"/>
      </c:dateAx>
      <c:valAx>
        <c:axId val="20633789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#,##0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050" b="1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06337568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5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2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2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22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5.xml><?xml version="1.0" encoding="utf-8"?>
<cs:chartStyle xmlns:cs="http://schemas.microsoft.com/office/drawing/2012/chartStyle" xmlns:a="http://schemas.openxmlformats.org/drawingml/2006/main" id="22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9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9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23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9.emf"/></Relationships>
</file>

<file path=ppt/drawings/drawing1.xml><?xml version="1.0" encoding="utf-8"?>
<c:userShapes xmlns:c="http://schemas.openxmlformats.org/drawingml/2006/chart">
  <cdr:relSizeAnchor xmlns:cdr="http://schemas.openxmlformats.org/drawingml/2006/chartDrawing">
    <cdr:from>
      <cdr:x>0.42191</cdr:x>
      <cdr:y>0.45858</cdr:y>
    </cdr:from>
    <cdr:to>
      <cdr:x>0.54898</cdr:x>
      <cdr:y>0.58896</cdr:y>
    </cdr:to>
    <cdr:sp macro="" textlink="">
      <cdr:nvSpPr>
        <cdr:cNvPr id="4" name="TextBox 3">
          <a:extLst xmlns:a="http://schemas.openxmlformats.org/drawingml/2006/main">
            <a:ext uri="{FF2B5EF4-FFF2-40B4-BE49-F238E27FC236}">
              <a16:creationId xmlns:a16="http://schemas.microsoft.com/office/drawing/2014/main" id="{A47F971A-4D5D-4312-A535-3A12FDFE432A}"/>
            </a:ext>
          </a:extLst>
        </cdr:cNvPr>
        <cdr:cNvSpPr txBox="1"/>
      </cdr:nvSpPr>
      <cdr:spPr>
        <a:xfrm xmlns:a="http://schemas.openxmlformats.org/drawingml/2006/main">
          <a:off x="4822179" y="2247026"/>
          <a:ext cx="1452241" cy="638894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Overflow="clip" wrap="square" rtlCol="0"/>
        <a:lstStyle xmlns:a="http://schemas.openxmlformats.org/drawingml/2006/main"/>
        <a:p xmlns:a="http://schemas.openxmlformats.org/drawingml/2006/main">
          <a:r>
            <a:rPr lang="en-US" sz="1600" dirty="0">
              <a:solidFill>
                <a:sysClr val="windowText" lastClr="000000"/>
              </a:solidFill>
            </a:rPr>
            <a:t>2023:</a:t>
          </a:r>
          <a:r>
            <a:rPr lang="en-US" sz="1600" baseline="0" dirty="0">
              <a:solidFill>
                <a:sysClr val="windowText" lastClr="000000"/>
              </a:solidFill>
            </a:rPr>
            <a:t> 94% of</a:t>
          </a:r>
        </a:p>
        <a:p xmlns:a="http://schemas.openxmlformats.org/drawingml/2006/main">
          <a:r>
            <a:rPr lang="en-US" sz="1600" dirty="0">
              <a:solidFill>
                <a:sysClr val="windowText" lastClr="000000"/>
              </a:solidFill>
            </a:rPr>
            <a:t>2019 level</a:t>
          </a:r>
        </a:p>
      </cdr:txBody>
    </cdr:sp>
  </cdr:relSizeAnchor>
  <cdr:relSizeAnchor xmlns:cdr="http://schemas.openxmlformats.org/drawingml/2006/chartDrawing">
    <cdr:from>
      <cdr:x>0.33299</cdr:x>
      <cdr:y>0.58124</cdr:y>
    </cdr:from>
    <cdr:to>
      <cdr:x>0.53885</cdr:x>
      <cdr:y>0.70805</cdr:y>
    </cdr:to>
    <cdr:sp macro="" textlink="">
      <cdr:nvSpPr>
        <cdr:cNvPr id="10" name="TextBox 1">
          <a:extLst xmlns:a="http://schemas.openxmlformats.org/drawingml/2006/main">
            <a:ext uri="{FF2B5EF4-FFF2-40B4-BE49-F238E27FC236}">
              <a16:creationId xmlns:a16="http://schemas.microsoft.com/office/drawing/2014/main" id="{90BEED94-A271-4CEF-9EAC-2699543BA489}"/>
            </a:ext>
          </a:extLst>
        </cdr:cNvPr>
        <cdr:cNvSpPr txBox="1"/>
      </cdr:nvSpPr>
      <cdr:spPr>
        <a:xfrm xmlns:a="http://schemas.openxmlformats.org/drawingml/2006/main">
          <a:off x="3805891" y="2848074"/>
          <a:ext cx="2352841" cy="621367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wrap="square" rtlCol="0"/>
        <a:lstStyle xmlns:a="http://schemas.openxmlformats.org/drawingml/2006/main">
          <a:lvl1pPr marL="0" indent="0">
            <a:defRPr sz="1100">
              <a:latin typeface="+mn-lt"/>
              <a:ea typeface="+mn-ea"/>
              <a:cs typeface="+mn-cs"/>
            </a:defRPr>
          </a:lvl1pPr>
          <a:lvl2pPr marL="457200" indent="0">
            <a:defRPr sz="1100">
              <a:latin typeface="+mn-lt"/>
              <a:ea typeface="+mn-ea"/>
              <a:cs typeface="+mn-cs"/>
            </a:defRPr>
          </a:lvl2pPr>
          <a:lvl3pPr marL="914400" indent="0">
            <a:defRPr sz="1100">
              <a:latin typeface="+mn-lt"/>
              <a:ea typeface="+mn-ea"/>
              <a:cs typeface="+mn-cs"/>
            </a:defRPr>
          </a:lvl3pPr>
          <a:lvl4pPr marL="1371600" indent="0">
            <a:defRPr sz="1100">
              <a:latin typeface="+mn-lt"/>
              <a:ea typeface="+mn-ea"/>
              <a:cs typeface="+mn-cs"/>
            </a:defRPr>
          </a:lvl4pPr>
          <a:lvl5pPr marL="1828800" indent="0">
            <a:defRPr sz="1100">
              <a:latin typeface="+mn-lt"/>
              <a:ea typeface="+mn-ea"/>
              <a:cs typeface="+mn-cs"/>
            </a:defRPr>
          </a:lvl5pPr>
          <a:lvl6pPr marL="2286000" indent="0">
            <a:defRPr sz="1100">
              <a:latin typeface="+mn-lt"/>
              <a:ea typeface="+mn-ea"/>
              <a:cs typeface="+mn-cs"/>
            </a:defRPr>
          </a:lvl6pPr>
          <a:lvl7pPr marL="2743200" indent="0">
            <a:defRPr sz="1100">
              <a:latin typeface="+mn-lt"/>
              <a:ea typeface="+mn-ea"/>
              <a:cs typeface="+mn-cs"/>
            </a:defRPr>
          </a:lvl7pPr>
          <a:lvl8pPr marL="3200400" indent="0">
            <a:defRPr sz="1100">
              <a:latin typeface="+mn-lt"/>
              <a:ea typeface="+mn-ea"/>
              <a:cs typeface="+mn-cs"/>
            </a:defRPr>
          </a:lvl8pPr>
          <a:lvl9pPr marL="3657600" indent="0">
            <a:defRPr sz="1100"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r>
            <a:rPr lang="en-US" sz="1600" dirty="0">
              <a:solidFill>
                <a:sysClr val="windowText" lastClr="000000"/>
              </a:solidFill>
            </a:rPr>
            <a:t>2022:</a:t>
          </a:r>
          <a:r>
            <a:rPr lang="en-US" sz="1600" baseline="0" dirty="0">
              <a:solidFill>
                <a:sysClr val="windowText" lastClr="000000"/>
              </a:solidFill>
            </a:rPr>
            <a:t> 83% of</a:t>
          </a:r>
        </a:p>
        <a:p xmlns:a="http://schemas.openxmlformats.org/drawingml/2006/main">
          <a:r>
            <a:rPr lang="en-US" sz="1600" dirty="0">
              <a:solidFill>
                <a:sysClr val="windowText" lastClr="000000"/>
              </a:solidFill>
            </a:rPr>
            <a:t>2019 level</a:t>
          </a:r>
        </a:p>
      </cdr:txBody>
    </cdr:sp>
  </cdr:relSizeAnchor>
  <cdr:relSizeAnchor xmlns:cdr="http://schemas.openxmlformats.org/drawingml/2006/chartDrawing">
    <cdr:from>
      <cdr:x>0.23692</cdr:x>
      <cdr:y>0.71825</cdr:y>
    </cdr:from>
    <cdr:to>
      <cdr:x>0.44278</cdr:x>
      <cdr:y>0.84505</cdr:y>
    </cdr:to>
    <cdr:sp macro="" textlink="">
      <cdr:nvSpPr>
        <cdr:cNvPr id="11" name="TextBox 1">
          <a:extLst xmlns:a="http://schemas.openxmlformats.org/drawingml/2006/main">
            <a:ext uri="{FF2B5EF4-FFF2-40B4-BE49-F238E27FC236}">
              <a16:creationId xmlns:a16="http://schemas.microsoft.com/office/drawing/2014/main" id="{90BEED94-A271-4CEF-9EAC-2699543BA489}"/>
            </a:ext>
          </a:extLst>
        </cdr:cNvPr>
        <cdr:cNvSpPr txBox="1"/>
      </cdr:nvSpPr>
      <cdr:spPr>
        <a:xfrm xmlns:a="http://schemas.openxmlformats.org/drawingml/2006/main">
          <a:off x="2707840" y="3519407"/>
          <a:ext cx="2352841" cy="621319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wrap="square" rtlCol="0"/>
        <a:lstStyle xmlns:a="http://schemas.openxmlformats.org/drawingml/2006/main">
          <a:lvl1pPr marL="0" indent="0">
            <a:defRPr sz="1100">
              <a:latin typeface="+mn-lt"/>
              <a:ea typeface="+mn-ea"/>
              <a:cs typeface="+mn-cs"/>
            </a:defRPr>
          </a:lvl1pPr>
          <a:lvl2pPr marL="457200" indent="0">
            <a:defRPr sz="1100">
              <a:latin typeface="+mn-lt"/>
              <a:ea typeface="+mn-ea"/>
              <a:cs typeface="+mn-cs"/>
            </a:defRPr>
          </a:lvl2pPr>
          <a:lvl3pPr marL="914400" indent="0">
            <a:defRPr sz="1100">
              <a:latin typeface="+mn-lt"/>
              <a:ea typeface="+mn-ea"/>
              <a:cs typeface="+mn-cs"/>
            </a:defRPr>
          </a:lvl3pPr>
          <a:lvl4pPr marL="1371600" indent="0">
            <a:defRPr sz="1100">
              <a:latin typeface="+mn-lt"/>
              <a:ea typeface="+mn-ea"/>
              <a:cs typeface="+mn-cs"/>
            </a:defRPr>
          </a:lvl4pPr>
          <a:lvl5pPr marL="1828800" indent="0">
            <a:defRPr sz="1100">
              <a:latin typeface="+mn-lt"/>
              <a:ea typeface="+mn-ea"/>
              <a:cs typeface="+mn-cs"/>
            </a:defRPr>
          </a:lvl5pPr>
          <a:lvl6pPr marL="2286000" indent="0">
            <a:defRPr sz="1100">
              <a:latin typeface="+mn-lt"/>
              <a:ea typeface="+mn-ea"/>
              <a:cs typeface="+mn-cs"/>
            </a:defRPr>
          </a:lvl6pPr>
          <a:lvl7pPr marL="2743200" indent="0">
            <a:defRPr sz="1100">
              <a:latin typeface="+mn-lt"/>
              <a:ea typeface="+mn-ea"/>
              <a:cs typeface="+mn-cs"/>
            </a:defRPr>
          </a:lvl7pPr>
          <a:lvl8pPr marL="3200400" indent="0">
            <a:defRPr sz="1100">
              <a:latin typeface="+mn-lt"/>
              <a:ea typeface="+mn-ea"/>
              <a:cs typeface="+mn-cs"/>
            </a:defRPr>
          </a:lvl8pPr>
          <a:lvl9pPr marL="3657600" indent="0">
            <a:defRPr sz="1100"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r>
            <a:rPr lang="en-US" sz="1600" dirty="0">
              <a:solidFill>
                <a:sysClr val="windowText" lastClr="000000"/>
              </a:solidFill>
            </a:rPr>
            <a:t>2021:</a:t>
          </a:r>
          <a:r>
            <a:rPr lang="en-US" sz="1600" baseline="0" dirty="0">
              <a:solidFill>
                <a:sysClr val="windowText" lastClr="000000"/>
              </a:solidFill>
            </a:rPr>
            <a:t> 47% of</a:t>
          </a:r>
        </a:p>
        <a:p xmlns:a="http://schemas.openxmlformats.org/drawingml/2006/main">
          <a:r>
            <a:rPr lang="en-US" sz="1600" dirty="0">
              <a:solidFill>
                <a:sysClr val="windowText" lastClr="000000"/>
              </a:solidFill>
            </a:rPr>
            <a:t>2019 level</a:t>
          </a:r>
        </a:p>
      </cdr:txBody>
    </cdr:sp>
  </cdr:relSizeAnchor>
  <cdr:relSizeAnchor xmlns:cdr="http://schemas.openxmlformats.org/drawingml/2006/chartDrawing">
    <cdr:from>
      <cdr:x>0.43634</cdr:x>
      <cdr:y>0.40552</cdr:y>
    </cdr:from>
    <cdr:to>
      <cdr:x>0.45605</cdr:x>
      <cdr:y>0.46918</cdr:y>
    </cdr:to>
    <cdr:cxnSp macro="">
      <cdr:nvCxnSpPr>
        <cdr:cNvPr id="13" name="Straight Arrow Connector 12">
          <a:extLst xmlns:a="http://schemas.openxmlformats.org/drawingml/2006/main">
            <a:ext uri="{FF2B5EF4-FFF2-40B4-BE49-F238E27FC236}">
              <a16:creationId xmlns:a16="http://schemas.microsoft.com/office/drawing/2014/main" id="{0D958467-42F9-4498-A395-B3C5CED22C51}"/>
            </a:ext>
          </a:extLst>
        </cdr:cNvPr>
        <cdr:cNvCxnSpPr/>
      </cdr:nvCxnSpPr>
      <cdr:spPr>
        <a:xfrm xmlns:a="http://schemas.openxmlformats.org/drawingml/2006/main" flipH="1" flipV="1">
          <a:off x="4987046" y="1987033"/>
          <a:ext cx="225272" cy="311933"/>
        </a:xfrm>
        <a:prstGeom xmlns:a="http://schemas.openxmlformats.org/drawingml/2006/main" prst="straightConnector1">
          <a:avLst/>
        </a:prstGeom>
        <a:ln xmlns:a="http://schemas.openxmlformats.org/drawingml/2006/main" w="22225">
          <a:tailEnd type="triangle"/>
        </a:ln>
      </cdr:spPr>
      <cdr:style>
        <a:lnRef xmlns:a="http://schemas.openxmlformats.org/drawingml/2006/main" idx="1">
          <a:schemeClr val="accent2"/>
        </a:lnRef>
        <a:fillRef xmlns:a="http://schemas.openxmlformats.org/drawingml/2006/main" idx="0">
          <a:schemeClr val="accent2"/>
        </a:fillRef>
        <a:effectRef xmlns:a="http://schemas.openxmlformats.org/drawingml/2006/main" idx="0">
          <a:schemeClr val="accent2"/>
        </a:effectRef>
        <a:fontRef xmlns:a="http://schemas.openxmlformats.org/drawingml/2006/main" idx="minor">
          <a:schemeClr val="tx1"/>
        </a:fontRef>
      </cdr:style>
    </cdr:cxnSp>
  </cdr:relSizeAnchor>
  <cdr:relSizeAnchor xmlns:cdr="http://schemas.openxmlformats.org/drawingml/2006/chartDrawing">
    <cdr:from>
      <cdr:x>0.29185</cdr:x>
      <cdr:y>0.6698</cdr:y>
    </cdr:from>
    <cdr:to>
      <cdr:x>0.30734</cdr:x>
      <cdr:y>0.7161</cdr:y>
    </cdr:to>
    <cdr:cxnSp macro="">
      <cdr:nvCxnSpPr>
        <cdr:cNvPr id="17" name="Straight Arrow Connector 16">
          <a:extLst xmlns:a="http://schemas.openxmlformats.org/drawingml/2006/main">
            <a:ext uri="{FF2B5EF4-FFF2-40B4-BE49-F238E27FC236}">
              <a16:creationId xmlns:a16="http://schemas.microsoft.com/office/drawing/2014/main" id="{8C721BAA-AF78-43BF-AD5C-BE90E8E5EB19}"/>
            </a:ext>
          </a:extLst>
        </cdr:cNvPr>
        <cdr:cNvCxnSpPr/>
      </cdr:nvCxnSpPr>
      <cdr:spPr>
        <a:xfrm xmlns:a="http://schemas.openxmlformats.org/drawingml/2006/main" flipH="1" flipV="1">
          <a:off x="3335638" y="3282003"/>
          <a:ext cx="177041" cy="226869"/>
        </a:xfrm>
        <a:prstGeom xmlns:a="http://schemas.openxmlformats.org/drawingml/2006/main" prst="straightConnector1">
          <a:avLst/>
        </a:prstGeom>
        <a:ln xmlns:a="http://schemas.openxmlformats.org/drawingml/2006/main" w="22225">
          <a:tailEnd type="triangle"/>
        </a:ln>
      </cdr:spPr>
      <cdr:style>
        <a:lnRef xmlns:a="http://schemas.openxmlformats.org/drawingml/2006/main" idx="1">
          <a:schemeClr val="accent2"/>
        </a:lnRef>
        <a:fillRef xmlns:a="http://schemas.openxmlformats.org/drawingml/2006/main" idx="0">
          <a:schemeClr val="accent2"/>
        </a:fillRef>
        <a:effectRef xmlns:a="http://schemas.openxmlformats.org/drawingml/2006/main" idx="0">
          <a:schemeClr val="accent2"/>
        </a:effectRef>
        <a:fontRef xmlns:a="http://schemas.openxmlformats.org/drawingml/2006/main" idx="minor">
          <a:schemeClr val="tx1"/>
        </a:fontRef>
      </cdr:style>
    </cdr:cxnSp>
  </cdr:relSizeAnchor>
  <cdr:relSizeAnchor xmlns:cdr="http://schemas.openxmlformats.org/drawingml/2006/chartDrawing">
    <cdr:from>
      <cdr:x>0.35985</cdr:x>
      <cdr:y>0.4805</cdr:y>
    </cdr:from>
    <cdr:to>
      <cdr:x>0.38858</cdr:x>
      <cdr:y>0.56754</cdr:y>
    </cdr:to>
    <cdr:cxnSp macro="">
      <cdr:nvCxnSpPr>
        <cdr:cNvPr id="20" name="Straight Arrow Connector 19">
          <a:extLst xmlns:a="http://schemas.openxmlformats.org/drawingml/2006/main">
            <a:ext uri="{FF2B5EF4-FFF2-40B4-BE49-F238E27FC236}">
              <a16:creationId xmlns:a16="http://schemas.microsoft.com/office/drawing/2014/main" id="{8C721BAA-AF78-43BF-AD5C-BE90E8E5EB19}"/>
            </a:ext>
          </a:extLst>
        </cdr:cNvPr>
        <cdr:cNvCxnSpPr/>
      </cdr:nvCxnSpPr>
      <cdr:spPr>
        <a:xfrm xmlns:a="http://schemas.openxmlformats.org/drawingml/2006/main" flipH="1" flipV="1">
          <a:off x="4112873" y="2354432"/>
          <a:ext cx="328364" cy="426495"/>
        </a:xfrm>
        <a:prstGeom xmlns:a="http://schemas.openxmlformats.org/drawingml/2006/main" prst="straightConnector1">
          <a:avLst/>
        </a:prstGeom>
        <a:ln xmlns:a="http://schemas.openxmlformats.org/drawingml/2006/main" w="22225">
          <a:tailEnd type="triangle"/>
        </a:ln>
      </cdr:spPr>
      <cdr:style>
        <a:lnRef xmlns:a="http://schemas.openxmlformats.org/drawingml/2006/main" idx="1">
          <a:schemeClr val="accent2"/>
        </a:lnRef>
        <a:fillRef xmlns:a="http://schemas.openxmlformats.org/drawingml/2006/main" idx="0">
          <a:schemeClr val="accent2"/>
        </a:fillRef>
        <a:effectRef xmlns:a="http://schemas.openxmlformats.org/drawingml/2006/main" idx="0">
          <a:schemeClr val="accent2"/>
        </a:effectRef>
        <a:fontRef xmlns:a="http://schemas.openxmlformats.org/drawingml/2006/main" idx="minor">
          <a:schemeClr val="tx1"/>
        </a:fontRef>
      </cdr:style>
    </cdr:cxnSp>
  </cdr:relSizeAnchor>
  <cdr:relSizeAnchor xmlns:cdr="http://schemas.openxmlformats.org/drawingml/2006/chartDrawing">
    <cdr:from>
      <cdr:x>0.50862</cdr:x>
      <cdr:y>0.35401</cdr:y>
    </cdr:from>
    <cdr:to>
      <cdr:x>0.54298</cdr:x>
      <cdr:y>0.39668</cdr:y>
    </cdr:to>
    <cdr:cxnSp macro="">
      <cdr:nvCxnSpPr>
        <cdr:cNvPr id="22" name="Straight Arrow Connector 21">
          <a:extLst xmlns:a="http://schemas.openxmlformats.org/drawingml/2006/main">
            <a:ext uri="{FF2B5EF4-FFF2-40B4-BE49-F238E27FC236}">
              <a16:creationId xmlns:a16="http://schemas.microsoft.com/office/drawing/2014/main" id="{69D189BA-4450-4D08-A091-4612A2A7D050}"/>
            </a:ext>
          </a:extLst>
        </cdr:cNvPr>
        <cdr:cNvCxnSpPr/>
      </cdr:nvCxnSpPr>
      <cdr:spPr>
        <a:xfrm xmlns:a="http://schemas.openxmlformats.org/drawingml/2006/main" flipH="1" flipV="1">
          <a:off x="5813165" y="1734661"/>
          <a:ext cx="392712" cy="209082"/>
        </a:xfrm>
        <a:prstGeom xmlns:a="http://schemas.openxmlformats.org/drawingml/2006/main" prst="straightConnector1">
          <a:avLst/>
        </a:prstGeom>
        <a:ln xmlns:a="http://schemas.openxmlformats.org/drawingml/2006/main" w="22225">
          <a:tailEnd type="triangle"/>
        </a:ln>
      </cdr:spPr>
      <cdr:style>
        <a:lnRef xmlns:a="http://schemas.openxmlformats.org/drawingml/2006/main" idx="1">
          <a:schemeClr val="accent2"/>
        </a:lnRef>
        <a:fillRef xmlns:a="http://schemas.openxmlformats.org/drawingml/2006/main" idx="0">
          <a:schemeClr val="accent2"/>
        </a:fillRef>
        <a:effectRef xmlns:a="http://schemas.openxmlformats.org/drawingml/2006/main" idx="0">
          <a:schemeClr val="accent2"/>
        </a:effectRef>
        <a:fontRef xmlns:a="http://schemas.openxmlformats.org/drawingml/2006/main" idx="minor">
          <a:schemeClr val="tx1"/>
        </a:fontRef>
      </cdr:style>
    </cdr:cxnSp>
  </cdr:relSizeAnchor>
  <cdr:relSizeAnchor xmlns:cdr="http://schemas.openxmlformats.org/drawingml/2006/chartDrawing">
    <cdr:from>
      <cdr:x>0.54239</cdr:x>
      <cdr:y>0.3732</cdr:y>
    </cdr:from>
    <cdr:to>
      <cdr:x>0.74825</cdr:x>
      <cdr:y>0.5</cdr:y>
    </cdr:to>
    <cdr:sp macro="" textlink="">
      <cdr:nvSpPr>
        <cdr:cNvPr id="25" name="TextBox 1">
          <a:extLst xmlns:a="http://schemas.openxmlformats.org/drawingml/2006/main">
            <a:ext uri="{FF2B5EF4-FFF2-40B4-BE49-F238E27FC236}">
              <a16:creationId xmlns:a16="http://schemas.microsoft.com/office/drawing/2014/main" id="{C0A04F41-F3CD-41F7-A58E-9CE576750A7E}"/>
            </a:ext>
          </a:extLst>
        </cdr:cNvPr>
        <cdr:cNvSpPr txBox="1"/>
      </cdr:nvSpPr>
      <cdr:spPr>
        <a:xfrm xmlns:a="http://schemas.openxmlformats.org/drawingml/2006/main">
          <a:off x="6199182" y="1828677"/>
          <a:ext cx="2352841" cy="621318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wrap="square" rtlCol="0"/>
        <a:lstStyle xmlns:a="http://schemas.openxmlformats.org/drawingml/2006/main">
          <a:lvl1pPr marL="0" indent="0">
            <a:defRPr sz="1100">
              <a:latin typeface="+mn-lt"/>
              <a:ea typeface="+mn-ea"/>
              <a:cs typeface="+mn-cs"/>
            </a:defRPr>
          </a:lvl1pPr>
          <a:lvl2pPr marL="457200" indent="0">
            <a:defRPr sz="1100">
              <a:latin typeface="+mn-lt"/>
              <a:ea typeface="+mn-ea"/>
              <a:cs typeface="+mn-cs"/>
            </a:defRPr>
          </a:lvl2pPr>
          <a:lvl3pPr marL="914400" indent="0">
            <a:defRPr sz="1100">
              <a:latin typeface="+mn-lt"/>
              <a:ea typeface="+mn-ea"/>
              <a:cs typeface="+mn-cs"/>
            </a:defRPr>
          </a:lvl3pPr>
          <a:lvl4pPr marL="1371600" indent="0">
            <a:defRPr sz="1100">
              <a:latin typeface="+mn-lt"/>
              <a:ea typeface="+mn-ea"/>
              <a:cs typeface="+mn-cs"/>
            </a:defRPr>
          </a:lvl4pPr>
          <a:lvl5pPr marL="1828800" indent="0">
            <a:defRPr sz="1100">
              <a:latin typeface="+mn-lt"/>
              <a:ea typeface="+mn-ea"/>
              <a:cs typeface="+mn-cs"/>
            </a:defRPr>
          </a:lvl5pPr>
          <a:lvl6pPr marL="2286000" indent="0">
            <a:defRPr sz="1100">
              <a:latin typeface="+mn-lt"/>
              <a:ea typeface="+mn-ea"/>
              <a:cs typeface="+mn-cs"/>
            </a:defRPr>
          </a:lvl6pPr>
          <a:lvl7pPr marL="2743200" indent="0">
            <a:defRPr sz="1100">
              <a:latin typeface="+mn-lt"/>
              <a:ea typeface="+mn-ea"/>
              <a:cs typeface="+mn-cs"/>
            </a:defRPr>
          </a:lvl7pPr>
          <a:lvl8pPr marL="3200400" indent="0">
            <a:defRPr sz="1100">
              <a:latin typeface="+mn-lt"/>
              <a:ea typeface="+mn-ea"/>
              <a:cs typeface="+mn-cs"/>
            </a:defRPr>
          </a:lvl8pPr>
          <a:lvl9pPr marL="3657600" indent="0">
            <a:defRPr sz="1100"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r>
            <a:rPr lang="en-US" sz="1600" dirty="0">
              <a:solidFill>
                <a:sysClr val="windowText" lastClr="000000"/>
              </a:solidFill>
            </a:rPr>
            <a:t>2024:</a:t>
          </a:r>
          <a:r>
            <a:rPr lang="en-US" sz="1600" baseline="0" dirty="0">
              <a:solidFill>
                <a:sysClr val="windowText" lastClr="000000"/>
              </a:solidFill>
            </a:rPr>
            <a:t> 103% of</a:t>
          </a:r>
        </a:p>
        <a:p xmlns:a="http://schemas.openxmlformats.org/drawingml/2006/main">
          <a:r>
            <a:rPr lang="en-US" sz="1600" dirty="0">
              <a:solidFill>
                <a:sysClr val="windowText" lastClr="000000"/>
              </a:solidFill>
            </a:rPr>
            <a:t>2019 level</a:t>
          </a:r>
        </a:p>
      </cdr:txBody>
    </cdr:sp>
  </cdr:relSizeAnchor>
  <cdr:relSizeAnchor xmlns:cdr="http://schemas.openxmlformats.org/drawingml/2006/chartDrawing">
    <cdr:from>
      <cdr:x>0.59166</cdr:x>
      <cdr:y>0.29498</cdr:y>
    </cdr:from>
    <cdr:to>
      <cdr:x>0.90707</cdr:x>
      <cdr:y>0.35285</cdr:y>
    </cdr:to>
    <cdr:sp macro="" textlink="">
      <cdr:nvSpPr>
        <cdr:cNvPr id="27" name="Left Brace 26">
          <a:extLst xmlns:a="http://schemas.openxmlformats.org/drawingml/2006/main">
            <a:ext uri="{FF2B5EF4-FFF2-40B4-BE49-F238E27FC236}">
              <a16:creationId xmlns:a16="http://schemas.microsoft.com/office/drawing/2014/main" id="{3AB46C0F-1EC9-4BE8-94C6-13393C192733}"/>
            </a:ext>
          </a:extLst>
        </cdr:cNvPr>
        <cdr:cNvSpPr/>
      </cdr:nvSpPr>
      <cdr:spPr>
        <a:xfrm xmlns:a="http://schemas.openxmlformats.org/drawingml/2006/main" rot="16200000">
          <a:off x="5473761" y="591758"/>
          <a:ext cx="317501" cy="2370790"/>
        </a:xfrm>
        <a:prstGeom xmlns:a="http://schemas.openxmlformats.org/drawingml/2006/main" prst="leftBrace">
          <a:avLst/>
        </a:prstGeom>
        <a:ln xmlns:a="http://schemas.openxmlformats.org/drawingml/2006/main">
          <a:solidFill>
            <a:schemeClr val="accent4"/>
          </a:solidFill>
        </a:ln>
      </cdr:spPr>
      <cdr:style>
        <a:lnRef xmlns:a="http://schemas.openxmlformats.org/drawingml/2006/main" idx="1">
          <a:schemeClr val="accent1"/>
        </a:lnRef>
        <a:fillRef xmlns:a="http://schemas.openxmlformats.org/drawingml/2006/main" idx="0">
          <a:schemeClr val="accent1"/>
        </a:fillRef>
        <a:effectRef xmlns:a="http://schemas.openxmlformats.org/drawingml/2006/main" idx="0">
          <a:schemeClr val="accent1"/>
        </a:effectRef>
        <a:fontRef xmlns:a="http://schemas.openxmlformats.org/drawingml/2006/main" idx="minor">
          <a:schemeClr val="tx1"/>
        </a:fontRef>
      </cdr:style>
      <cdr:txBody>
        <a:bodyPr xmlns:a="http://schemas.openxmlformats.org/drawingml/2006/main"/>
        <a:lstStyle xmlns:a="http://schemas.openxmlformats.org/drawingml/2006/main">
          <a:lvl1pPr marL="0" indent="0">
            <a:defRPr sz="1100">
              <a:solidFill>
                <a:schemeClr val="tx1"/>
              </a:solidFill>
              <a:latin typeface="+mn-lt"/>
              <a:ea typeface="+mn-ea"/>
              <a:cs typeface="+mn-cs"/>
            </a:defRPr>
          </a:lvl1pPr>
          <a:lvl2pPr marL="457200" indent="0">
            <a:defRPr sz="1100">
              <a:solidFill>
                <a:schemeClr val="tx1"/>
              </a:solidFill>
              <a:latin typeface="+mn-lt"/>
              <a:ea typeface="+mn-ea"/>
              <a:cs typeface="+mn-cs"/>
            </a:defRPr>
          </a:lvl2pPr>
          <a:lvl3pPr marL="914400" indent="0">
            <a:defRPr sz="1100">
              <a:solidFill>
                <a:schemeClr val="tx1"/>
              </a:solidFill>
              <a:latin typeface="+mn-lt"/>
              <a:ea typeface="+mn-ea"/>
              <a:cs typeface="+mn-cs"/>
            </a:defRPr>
          </a:lvl3pPr>
          <a:lvl4pPr marL="1371600" indent="0">
            <a:defRPr sz="1100">
              <a:solidFill>
                <a:schemeClr val="tx1"/>
              </a:solidFill>
              <a:latin typeface="+mn-lt"/>
              <a:ea typeface="+mn-ea"/>
              <a:cs typeface="+mn-cs"/>
            </a:defRPr>
          </a:lvl4pPr>
          <a:lvl5pPr marL="1828800" indent="0">
            <a:defRPr sz="1100">
              <a:solidFill>
                <a:schemeClr val="tx1"/>
              </a:solidFill>
              <a:latin typeface="+mn-lt"/>
              <a:ea typeface="+mn-ea"/>
              <a:cs typeface="+mn-cs"/>
            </a:defRPr>
          </a:lvl5pPr>
          <a:lvl6pPr marL="2286000" indent="0">
            <a:defRPr sz="1100">
              <a:solidFill>
                <a:schemeClr val="tx1"/>
              </a:solidFill>
              <a:latin typeface="+mn-lt"/>
              <a:ea typeface="+mn-ea"/>
              <a:cs typeface="+mn-cs"/>
            </a:defRPr>
          </a:lvl6pPr>
          <a:lvl7pPr marL="2743200" indent="0">
            <a:defRPr sz="1100">
              <a:solidFill>
                <a:schemeClr val="tx1"/>
              </a:solidFill>
              <a:latin typeface="+mn-lt"/>
              <a:ea typeface="+mn-ea"/>
              <a:cs typeface="+mn-cs"/>
            </a:defRPr>
          </a:lvl7pPr>
          <a:lvl8pPr marL="3200400" indent="0">
            <a:defRPr sz="1100">
              <a:solidFill>
                <a:schemeClr val="tx1"/>
              </a:solidFill>
              <a:latin typeface="+mn-lt"/>
              <a:ea typeface="+mn-ea"/>
              <a:cs typeface="+mn-cs"/>
            </a:defRPr>
          </a:lvl8pPr>
          <a:lvl9pPr marL="3657600" indent="0">
            <a:defRPr sz="1100">
              <a:solidFill>
                <a:schemeClr val="tx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endParaRPr lang="en-US"/>
        </a:p>
      </cdr:txBody>
    </cdr:sp>
  </cdr:relSizeAnchor>
  <cdr:relSizeAnchor xmlns:cdr="http://schemas.openxmlformats.org/drawingml/2006/chartDrawing">
    <cdr:from>
      <cdr:x>0.75217</cdr:x>
      <cdr:y>0.32947</cdr:y>
    </cdr:from>
    <cdr:to>
      <cdr:x>0.95072</cdr:x>
      <cdr:y>0.45628</cdr:y>
    </cdr:to>
    <cdr:sp macro="" textlink="">
      <cdr:nvSpPr>
        <cdr:cNvPr id="28" name="TextBox 1">
          <a:extLst xmlns:a="http://schemas.openxmlformats.org/drawingml/2006/main">
            <a:ext uri="{FF2B5EF4-FFF2-40B4-BE49-F238E27FC236}">
              <a16:creationId xmlns:a16="http://schemas.microsoft.com/office/drawing/2014/main" id="{54B0A3BD-F880-4812-95E5-E257A8AD8AD1}"/>
            </a:ext>
          </a:extLst>
        </cdr:cNvPr>
        <cdr:cNvSpPr txBox="1"/>
      </cdr:nvSpPr>
      <cdr:spPr>
        <a:xfrm xmlns:a="http://schemas.openxmlformats.org/drawingml/2006/main">
          <a:off x="5653617" y="1807607"/>
          <a:ext cx="1492334" cy="695730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wrap="square" rtlCol="0"/>
        <a:lstStyle xmlns:a="http://schemas.openxmlformats.org/drawingml/2006/main">
          <a:lvl1pPr marL="0" indent="0">
            <a:defRPr sz="1100">
              <a:latin typeface="+mn-lt"/>
              <a:ea typeface="+mn-ea"/>
              <a:cs typeface="+mn-cs"/>
            </a:defRPr>
          </a:lvl1pPr>
          <a:lvl2pPr marL="457200" indent="0">
            <a:defRPr sz="1100">
              <a:latin typeface="+mn-lt"/>
              <a:ea typeface="+mn-ea"/>
              <a:cs typeface="+mn-cs"/>
            </a:defRPr>
          </a:lvl2pPr>
          <a:lvl3pPr marL="914400" indent="0">
            <a:defRPr sz="1100">
              <a:latin typeface="+mn-lt"/>
              <a:ea typeface="+mn-ea"/>
              <a:cs typeface="+mn-cs"/>
            </a:defRPr>
          </a:lvl3pPr>
          <a:lvl4pPr marL="1371600" indent="0">
            <a:defRPr sz="1100">
              <a:latin typeface="+mn-lt"/>
              <a:ea typeface="+mn-ea"/>
              <a:cs typeface="+mn-cs"/>
            </a:defRPr>
          </a:lvl4pPr>
          <a:lvl5pPr marL="1828800" indent="0">
            <a:defRPr sz="1100">
              <a:latin typeface="+mn-lt"/>
              <a:ea typeface="+mn-ea"/>
              <a:cs typeface="+mn-cs"/>
            </a:defRPr>
          </a:lvl5pPr>
          <a:lvl6pPr marL="2286000" indent="0">
            <a:defRPr sz="1100">
              <a:latin typeface="+mn-lt"/>
              <a:ea typeface="+mn-ea"/>
              <a:cs typeface="+mn-cs"/>
            </a:defRPr>
          </a:lvl6pPr>
          <a:lvl7pPr marL="2743200" indent="0">
            <a:defRPr sz="1100">
              <a:latin typeface="+mn-lt"/>
              <a:ea typeface="+mn-ea"/>
              <a:cs typeface="+mn-cs"/>
            </a:defRPr>
          </a:lvl7pPr>
          <a:lvl8pPr marL="3200400" indent="0">
            <a:defRPr sz="1100">
              <a:latin typeface="+mn-lt"/>
              <a:ea typeface="+mn-ea"/>
              <a:cs typeface="+mn-cs"/>
            </a:defRPr>
          </a:lvl8pPr>
          <a:lvl9pPr marL="3657600" indent="0">
            <a:defRPr sz="1100"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r>
            <a:rPr lang="en-US" sz="1600" dirty="0">
              <a:solidFill>
                <a:sysClr val="windowText" lastClr="000000"/>
              </a:solidFill>
            </a:rPr>
            <a:t>2025-2030 </a:t>
          </a:r>
        </a:p>
        <a:p xmlns:a="http://schemas.openxmlformats.org/drawingml/2006/main">
          <a:r>
            <a:rPr lang="en-US" sz="1600" dirty="0">
              <a:solidFill>
                <a:sysClr val="windowText" lastClr="000000"/>
              </a:solidFill>
            </a:rPr>
            <a:t>CAGR:</a:t>
          </a:r>
          <a:r>
            <a:rPr lang="en-US" sz="1600" baseline="0" dirty="0">
              <a:solidFill>
                <a:sysClr val="windowText" lastClr="000000"/>
              </a:solidFill>
            </a:rPr>
            <a:t> 5.3</a:t>
          </a:r>
          <a:r>
            <a:rPr lang="en-US" sz="1600" dirty="0">
              <a:solidFill>
                <a:sysClr val="windowText" lastClr="000000"/>
              </a:solidFill>
            </a:rPr>
            <a:t>%</a:t>
          </a:r>
        </a:p>
      </cdr:txBody>
    </cdr:sp>
  </cdr:relSizeAnchor>
</c:userShapes>
</file>

<file path=ppt/drawings/drawing2.xml><?xml version="1.0" encoding="utf-8"?>
<c:userShapes xmlns:c="http://schemas.openxmlformats.org/drawingml/2006/chart">
  <cdr:relSizeAnchor xmlns:cdr="http://schemas.openxmlformats.org/drawingml/2006/chartDrawing">
    <cdr:from>
      <cdr:x>0</cdr:x>
      <cdr:y>0.10504</cdr:y>
    </cdr:from>
    <cdr:to>
      <cdr:x>0.99998</cdr:x>
      <cdr:y>0.17845</cdr:y>
    </cdr:to>
    <cdr:sp macro="" textlink="">
      <cdr:nvSpPr>
        <cdr:cNvPr id="2" name="TextBox 1">
          <a:extLst xmlns:a="http://schemas.openxmlformats.org/drawingml/2006/main">
            <a:ext uri="{FF2B5EF4-FFF2-40B4-BE49-F238E27FC236}">
              <a16:creationId xmlns:a16="http://schemas.microsoft.com/office/drawing/2014/main" id="{C73BD27E-6B02-44EB-A0BC-D45CB99049C0}"/>
            </a:ext>
          </a:extLst>
        </cdr:cNvPr>
        <cdr:cNvSpPr txBox="1"/>
      </cdr:nvSpPr>
      <cdr:spPr>
        <a:xfrm xmlns:a="http://schemas.openxmlformats.org/drawingml/2006/main">
          <a:off x="0" y="359229"/>
          <a:ext cx="6098944" cy="251030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wrap="square" rtlCol="0"/>
        <a:lstStyle xmlns:a="http://schemas.openxmlformats.org/drawingml/2006/main">
          <a:lvl1pPr marL="0" indent="0">
            <a:defRPr sz="1100">
              <a:latin typeface="+mn-lt"/>
              <a:ea typeface="+mn-ea"/>
              <a:cs typeface="+mn-cs"/>
            </a:defRPr>
          </a:lvl1pPr>
          <a:lvl2pPr marL="457200" indent="0">
            <a:defRPr sz="1100">
              <a:latin typeface="+mn-lt"/>
              <a:ea typeface="+mn-ea"/>
              <a:cs typeface="+mn-cs"/>
            </a:defRPr>
          </a:lvl2pPr>
          <a:lvl3pPr marL="914400" indent="0">
            <a:defRPr sz="1100">
              <a:latin typeface="+mn-lt"/>
              <a:ea typeface="+mn-ea"/>
              <a:cs typeface="+mn-cs"/>
            </a:defRPr>
          </a:lvl3pPr>
          <a:lvl4pPr marL="1371600" indent="0">
            <a:defRPr sz="1100">
              <a:latin typeface="+mn-lt"/>
              <a:ea typeface="+mn-ea"/>
              <a:cs typeface="+mn-cs"/>
            </a:defRPr>
          </a:lvl4pPr>
          <a:lvl5pPr marL="1828800" indent="0">
            <a:defRPr sz="1100">
              <a:latin typeface="+mn-lt"/>
              <a:ea typeface="+mn-ea"/>
              <a:cs typeface="+mn-cs"/>
            </a:defRPr>
          </a:lvl5pPr>
          <a:lvl6pPr marL="2286000" indent="0">
            <a:defRPr sz="1100">
              <a:latin typeface="+mn-lt"/>
              <a:ea typeface="+mn-ea"/>
              <a:cs typeface="+mn-cs"/>
            </a:defRPr>
          </a:lvl6pPr>
          <a:lvl7pPr marL="2743200" indent="0">
            <a:defRPr sz="1100">
              <a:latin typeface="+mn-lt"/>
              <a:ea typeface="+mn-ea"/>
              <a:cs typeface="+mn-cs"/>
            </a:defRPr>
          </a:lvl7pPr>
          <a:lvl8pPr marL="3200400" indent="0">
            <a:defRPr sz="1100">
              <a:latin typeface="+mn-lt"/>
              <a:ea typeface="+mn-ea"/>
              <a:cs typeface="+mn-cs"/>
            </a:defRPr>
          </a:lvl8pPr>
          <a:lvl9pPr marL="3657600" indent="0">
            <a:defRPr sz="1100"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fld id="{12498CFD-F0AF-488C-91DB-E8486C80F1D0}" type="TxLink">
            <a:rPr lang="en-US" sz="1400" b="1" i="0" u="none" strike="noStrike">
              <a:solidFill>
                <a:srgbClr val="000000"/>
              </a:solidFill>
              <a:highlight>
                <a:srgbClr val="C0C0C0"/>
              </a:highlight>
              <a:latin typeface="Aktiv Grotesk"/>
              <a:ea typeface="Aktiv Grotesk"/>
              <a:cs typeface="Aktiv Grotesk"/>
            </a:rPr>
            <a:pPr/>
            <a:t>RPKs in January 2022, % change vs. Jan 2019</a:t>
          </a:fld>
          <a:endParaRPr lang="en-US" sz="1800" b="1" dirty="0">
            <a:solidFill>
              <a:schemeClr val="tx1"/>
            </a:solidFill>
            <a:highlight>
              <a:srgbClr val="C0C0C0"/>
            </a:highlight>
            <a:latin typeface="Aktiv Grotesk" panose="020B0504020202020204" pitchFamily="34" charset="0"/>
            <a:ea typeface="Aktiv Grotesk" panose="020B0504020202020204" pitchFamily="34" charset="0"/>
            <a:cs typeface="Aktiv Grotesk" panose="020B0504020202020204" pitchFamily="34" charset="0"/>
          </a:endParaRPr>
        </a:p>
      </cdr:txBody>
    </cdr:sp>
  </cdr:relSizeAnchor>
  <cdr:relSizeAnchor xmlns:cdr="http://schemas.openxmlformats.org/drawingml/2006/chartDrawing">
    <cdr:from>
      <cdr:x>0.8094</cdr:x>
      <cdr:y>0.16424</cdr:y>
    </cdr:from>
    <cdr:to>
      <cdr:x>0.8094</cdr:x>
      <cdr:y>0.93348</cdr:y>
    </cdr:to>
    <cdr:cxnSp macro="">
      <cdr:nvCxnSpPr>
        <cdr:cNvPr id="4" name="Straight Connector 3">
          <a:extLst xmlns:a="http://schemas.openxmlformats.org/drawingml/2006/main">
            <a:ext uri="{FF2B5EF4-FFF2-40B4-BE49-F238E27FC236}">
              <a16:creationId xmlns:a16="http://schemas.microsoft.com/office/drawing/2014/main" id="{65C51A3F-EE04-491F-AE49-FEE1F9705A15}"/>
            </a:ext>
          </a:extLst>
        </cdr:cNvPr>
        <cdr:cNvCxnSpPr/>
      </cdr:nvCxnSpPr>
      <cdr:spPr>
        <a:xfrm xmlns:a="http://schemas.openxmlformats.org/drawingml/2006/main">
          <a:off x="4944314" y="561677"/>
          <a:ext cx="0" cy="2630691"/>
        </a:xfrm>
        <a:prstGeom xmlns:a="http://schemas.openxmlformats.org/drawingml/2006/main" prst="line">
          <a:avLst/>
        </a:prstGeom>
        <a:ln xmlns:a="http://schemas.openxmlformats.org/drawingml/2006/main">
          <a:solidFill>
            <a:schemeClr val="tx1"/>
          </a:solidFill>
          <a:prstDash val="dash"/>
        </a:ln>
      </cdr:spPr>
      <cdr:style>
        <a:lnRef xmlns:a="http://schemas.openxmlformats.org/drawingml/2006/main" idx="1">
          <a:schemeClr val="accent1"/>
        </a:lnRef>
        <a:fillRef xmlns:a="http://schemas.openxmlformats.org/drawingml/2006/main" idx="0">
          <a:schemeClr val="accent1"/>
        </a:fillRef>
        <a:effectRef xmlns:a="http://schemas.openxmlformats.org/drawingml/2006/main" idx="0">
          <a:schemeClr val="accent1"/>
        </a:effectRef>
        <a:fontRef xmlns:a="http://schemas.openxmlformats.org/drawingml/2006/main" idx="minor">
          <a:schemeClr val="tx1"/>
        </a:fontRef>
      </cdr:style>
    </cdr:cxnSp>
  </cdr:relSizeAnchor>
</c:userShapes>
</file>

<file path=ppt/drawings/drawing3.xml><?xml version="1.0" encoding="utf-8"?>
<c:userShapes xmlns:c="http://schemas.openxmlformats.org/drawingml/2006/chart">
  <cdr:relSizeAnchor xmlns:cdr="http://schemas.openxmlformats.org/drawingml/2006/chartDrawing">
    <cdr:from>
      <cdr:x>0.77377</cdr:x>
      <cdr:y>0.21105</cdr:y>
    </cdr:from>
    <cdr:to>
      <cdr:x>0.90412</cdr:x>
      <cdr:y>0.29257</cdr:y>
    </cdr:to>
    <cdr:sp macro="" textlink="">
      <cdr:nvSpPr>
        <cdr:cNvPr id="2" name="TextBox 1">
          <a:extLst xmlns:a="http://schemas.openxmlformats.org/drawingml/2006/main">
            <a:ext uri="{FF2B5EF4-FFF2-40B4-BE49-F238E27FC236}">
              <a16:creationId xmlns:a16="http://schemas.microsoft.com/office/drawing/2014/main" id="{9AAC2FC0-D4CD-4919-9E25-25325A5D4F17}"/>
            </a:ext>
          </a:extLst>
        </cdr:cNvPr>
        <cdr:cNvSpPr txBox="1"/>
      </cdr:nvSpPr>
      <cdr:spPr>
        <a:xfrm xmlns:a="http://schemas.openxmlformats.org/drawingml/2006/main">
          <a:off x="8844192" y="1039453"/>
          <a:ext cx="1489900" cy="401498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Overflow="clip" wrap="square" rtlCol="0"/>
        <a:lstStyle xmlns:a="http://schemas.openxmlformats.org/drawingml/2006/main"/>
        <a:p xmlns:a="http://schemas.openxmlformats.org/drawingml/2006/main">
          <a:r>
            <a:rPr lang="en-US" sz="1400" b="1" dirty="0">
              <a:solidFill>
                <a:schemeClr val="accent1"/>
              </a:solidFill>
            </a:rPr>
            <a:t>COVID</a:t>
          </a:r>
        </a:p>
      </cdr:txBody>
    </cdr:sp>
  </cdr:relSizeAnchor>
  <cdr:relSizeAnchor xmlns:cdr="http://schemas.openxmlformats.org/drawingml/2006/chartDrawing">
    <cdr:from>
      <cdr:x>0.7804</cdr:x>
      <cdr:y>0.63003</cdr:y>
    </cdr:from>
    <cdr:to>
      <cdr:x>0.91075</cdr:x>
      <cdr:y>0.75889</cdr:y>
    </cdr:to>
    <cdr:sp macro="" textlink="">
      <cdr:nvSpPr>
        <cdr:cNvPr id="3" name="TextBox 2">
          <a:extLst xmlns:a="http://schemas.openxmlformats.org/drawingml/2006/main">
            <a:ext uri="{FF2B5EF4-FFF2-40B4-BE49-F238E27FC236}">
              <a16:creationId xmlns:a16="http://schemas.microsoft.com/office/drawing/2014/main" id="{4F0A3813-101C-442A-93F3-5F6EDE32F43D}"/>
            </a:ext>
          </a:extLst>
        </cdr:cNvPr>
        <cdr:cNvSpPr txBox="1"/>
      </cdr:nvSpPr>
      <cdr:spPr>
        <a:xfrm xmlns:a="http://schemas.openxmlformats.org/drawingml/2006/main">
          <a:off x="8919988" y="3102970"/>
          <a:ext cx="1489900" cy="634655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Overflow="clip" wrap="square" rtlCol="0"/>
        <a:lstStyle xmlns:a="http://schemas.openxmlformats.org/drawingml/2006/main"/>
        <a:p xmlns:a="http://schemas.openxmlformats.org/drawingml/2006/main">
          <a:r>
            <a:rPr lang="en-US" sz="1400" b="1" dirty="0">
              <a:solidFill>
                <a:schemeClr val="accent2"/>
              </a:solidFill>
            </a:rPr>
            <a:t>War</a:t>
          </a:r>
        </a:p>
      </cdr:txBody>
    </cdr:sp>
  </cdr:relSizeAnchor>
  <cdr:relSizeAnchor xmlns:cdr="http://schemas.openxmlformats.org/drawingml/2006/chartDrawing">
    <cdr:from>
      <cdr:x>0</cdr:x>
      <cdr:y>0.0835</cdr:y>
    </cdr:from>
    <cdr:to>
      <cdr:x>0.68769</cdr:x>
      <cdr:y>0.14004</cdr:y>
    </cdr:to>
    <cdr:sp macro="" textlink="">
      <cdr:nvSpPr>
        <cdr:cNvPr id="4" name="TextBox 3">
          <a:extLst xmlns:a="http://schemas.openxmlformats.org/drawingml/2006/main">
            <a:ext uri="{FF2B5EF4-FFF2-40B4-BE49-F238E27FC236}">
              <a16:creationId xmlns:a16="http://schemas.microsoft.com/office/drawing/2014/main" id="{59E272EA-C063-42ED-B36C-5E4062225D4C}"/>
            </a:ext>
          </a:extLst>
        </cdr:cNvPr>
        <cdr:cNvSpPr txBox="1"/>
      </cdr:nvSpPr>
      <cdr:spPr>
        <a:xfrm xmlns:a="http://schemas.openxmlformats.org/drawingml/2006/main">
          <a:off x="0" y="403226"/>
          <a:ext cx="5159376" cy="273050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Overflow="clip" wrap="square" rtlCol="0"/>
        <a:lstStyle xmlns:a="http://schemas.openxmlformats.org/drawingml/2006/main"/>
        <a:p xmlns:a="http://schemas.openxmlformats.org/drawingml/2006/main">
          <a:r>
            <a:rPr lang="en-US" sz="1400" dirty="0"/>
            <a:t>Popularity</a:t>
          </a:r>
          <a:r>
            <a:rPr lang="en-US" sz="1400" baseline="0" dirty="0"/>
            <a:t> of a search term for a given period, max = 100</a:t>
          </a:r>
          <a:endParaRPr lang="en-US" sz="1400" dirty="0"/>
        </a:p>
      </cdr:txBody>
    </cdr:sp>
  </cdr:relSizeAnchor>
</c:userShape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E4E25C4-E60C-0146-844E-7A344674F271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970938" y="8772669"/>
            <a:ext cx="3037840" cy="46340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D621289-2DCF-194A-8097-9D2CC54F73B3}" type="slidenum">
              <a:rPr lang="en-GB" smtClean="0">
                <a:solidFill>
                  <a:srgbClr val="1E32FA"/>
                </a:solidFill>
              </a:rPr>
              <a:t>‹#›</a:t>
            </a:fld>
            <a:endParaRPr lang="en-GB">
              <a:solidFill>
                <a:srgbClr val="1E32FA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36917481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735013" y="1155700"/>
            <a:ext cx="5540375" cy="311626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040" y="4444860"/>
            <a:ext cx="5608320" cy="3636705"/>
          </a:xfrm>
          <a:prstGeom prst="rect">
            <a:avLst/>
          </a:prstGeom>
        </p:spPr>
        <p:txBody>
          <a:bodyPr vert="horz" lIns="0" tIns="0" rIns="0" bIns="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0938" y="8772669"/>
            <a:ext cx="3037840" cy="46340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solidFill>
                  <a:srgbClr val="1E32FA"/>
                </a:solidFill>
              </a:defRPr>
            </a:lvl1pPr>
          </a:lstStyle>
          <a:p>
            <a:fld id="{6524D599-8961-4485-8B96-B828C0329545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1295868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spcBef>
        <a:spcPts val="400"/>
      </a:spcBef>
      <a:spcAft>
        <a:spcPts val="300"/>
      </a:spcAft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144000" indent="-144000" algn="l" defTabSz="914400" rtl="0" eaLnBrk="1" latinLnBrk="0" hangingPunct="1">
      <a:spcBef>
        <a:spcPts val="600"/>
      </a:spcBef>
      <a:spcAft>
        <a:spcPts val="0"/>
      </a:spcAft>
      <a:buSzPct val="110000"/>
      <a:buFont typeface="Arial" panose="020B0604020202020204" pitchFamily="34" charset="0"/>
      <a:buChar char="•"/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288000" indent="-144000" algn="l" defTabSz="914400" rtl="0" eaLnBrk="1" latinLnBrk="0" hangingPunct="1">
      <a:spcBef>
        <a:spcPts val="300"/>
      </a:spcBef>
      <a:buSzPct val="110000"/>
      <a:buFont typeface="Aktiv Grotesk" panose="020B0504020202020204" pitchFamily="34" charset="0"/>
      <a:buChar char="–"/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432000" indent="-144000" algn="l" defTabSz="914400" rtl="0" eaLnBrk="1" latinLnBrk="0" hangingPunct="1">
      <a:spcBef>
        <a:spcPts val="300"/>
      </a:spcBef>
      <a:buFont typeface="Aktiv Grotesk" panose="020B0504020202020204" pitchFamily="34" charset="0"/>
      <a:buChar char="–"/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0" algn="l" defTabSz="914400" rtl="0" eaLnBrk="1" latinLnBrk="0" hangingPunct="1">
      <a:spcBef>
        <a:spcPts val="1400"/>
      </a:spcBef>
      <a:defRPr sz="1200" kern="1200">
        <a:solidFill>
          <a:srgbClr val="1E32FA"/>
        </a:solidFill>
        <a:latin typeface="+mj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524D599-8961-4485-8B96-B828C0329545}" type="slidenum">
              <a:rPr lang="en-GB" smtClean="0"/>
              <a:pPr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6257051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17EFD21-3E0D-4ED5-96F2-31052EE08DB7}" type="slidenum">
              <a:rPr kumimoji="0" lang="en-US" sz="10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5</a:t>
            </a:fld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211420793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524D599-8961-4485-8B96-B828C0329545}" type="slidenum">
              <a:rPr lang="en-GB" smtClean="0"/>
              <a:pPr/>
              <a:t>1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38013128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marR="0" lvl="0" indent="-1714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dirty="0"/>
              <a:t>New challeng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17EFD21-3E0D-4ED5-96F2-31052EE08DB7}" type="slidenum">
              <a:rPr kumimoji="0" lang="en-US" sz="10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9</a:t>
            </a:fld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61610018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17EFD21-3E0D-4ED5-96F2-31052EE08DB7}" type="slidenum">
              <a:rPr kumimoji="0" lang="en-US" sz="10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0</a:t>
            </a:fld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804242072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17EFD21-3E0D-4ED5-96F2-31052EE08DB7}" type="slidenum">
              <a:rPr lang="en-US" smtClean="0"/>
              <a:pPr/>
              <a:t>2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8055807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524D599-8961-4485-8B96-B828C0329545}" type="slidenum">
              <a:rPr lang="en-GB" smtClean="0"/>
              <a:pPr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1173717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524D599-8961-4485-8B96-B828C0329545}" type="slidenum">
              <a:rPr lang="en-GB" smtClean="0"/>
              <a:pPr/>
              <a:t>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7789713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17EFD21-3E0D-4ED5-96F2-31052EE08DB7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5102545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400"/>
              </a:spcBef>
              <a:spcAft>
                <a:spcPts val="30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$110bn + reimbursable debt 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524D599-8961-4485-8B96-B828C0329545}" type="slidenum">
              <a:rPr lang="en-GB" smtClean="0"/>
              <a:pPr/>
              <a:t>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2016091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524D599-8961-4485-8B96-B828C0329545}" type="slidenum">
              <a:rPr lang="en-GB" smtClean="0"/>
              <a:pPr/>
              <a:t>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27705837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17EFD21-3E0D-4ED5-96F2-31052EE08DB7}" type="slidenum">
              <a:rPr kumimoji="0" lang="en-US" sz="10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en-US" sz="10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01099859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F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C3B5A4E-76D8-7B42-A244-D1820A005A7E}" type="slidenum">
              <a:rPr lang="en-FR"/>
              <a:t>11</a:t>
            </a:fld>
            <a:endParaRPr lang="en-FR"/>
          </a:p>
        </p:txBody>
      </p:sp>
    </p:spTree>
    <p:extLst>
      <p:ext uri="{BB962C8B-B14F-4D97-AF65-F5344CB8AC3E}">
        <p14:creationId xmlns:p14="http://schemas.microsoft.com/office/powerpoint/2010/main" val="133691370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/>
              <a:t>The delay to the international recovery is partly driven by Asia.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/>
              <a:t>This is the main region where we expect ongoing relatively strict travel restrictions and overall cautious </a:t>
            </a:r>
            <a:r>
              <a:rPr lang="en-US" dirty="0" err="1"/>
              <a:t>behaviour</a:t>
            </a:r>
            <a:r>
              <a:rPr lang="en-US" dirty="0"/>
              <a:t>. For China in particular, we do not expect a clear reopening before H2 2022. Other Asian countries expected to reopen only gradually, with some setback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/>
              <a:t>Other regions will be faster to remove most of the problematic restriction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dirty="0"/>
              <a:t>Africa and South America also struggles in the medium term (2023 onward) partly due to economic scars and slow vaccine distributi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17EFD21-3E0D-4ED5-96F2-31052EE08DB7}" type="slidenum">
              <a:rPr lang="en-US" smtClean="0"/>
              <a:pPr/>
              <a:t>1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0758731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0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0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0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0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1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2.xml"/></Relationships>
</file>

<file path=ppt/slideLayouts/_rels/slideLayout1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1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1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1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1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1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2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1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1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1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1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1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1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1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1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1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1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1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1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1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1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1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1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1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1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1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1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1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1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1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1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1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16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6.xml"/></Relationships>
</file>

<file path=ppt/slideLayouts/_rels/slideLayout1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1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16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6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1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1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1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1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1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1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1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1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1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1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1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1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1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1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1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1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1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1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1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1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1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1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1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1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1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1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1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2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2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2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20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20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2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2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20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20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2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2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2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2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2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0.xml"/></Relationships>
</file>

<file path=ppt/slideLayouts/_rels/slideLayout2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2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2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2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2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2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2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2.xml"/></Relationships>
</file>

<file path=ppt/slideLayouts/_rels/slideLayout2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2.xml"/></Relationships>
</file>

<file path=ppt/slideLayouts/_rels/slideLayout2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2.xml"/></Relationships>
</file>

<file path=ppt/slideLayouts/_rels/slideLayout2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2.xml"/></Relationships>
</file>

<file path=ppt/slideLayouts/_rels/slideLayout2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2.xml"/></Relationships>
</file>

<file path=ppt/slideLayouts/_rels/slideLayout2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2.xml"/></Relationships>
</file>

<file path=ppt/slideLayouts/_rels/slideLayout2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2.xml"/></Relationships>
</file>

<file path=ppt/slideLayouts/_rels/slideLayout2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2.xml"/></Relationships>
</file>

<file path=ppt/slideLayouts/_rels/slideLayout2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2.xml"/></Relationships>
</file>

<file path=ppt/slideLayouts/_rels/slideLayout2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2.xml"/></Relationships>
</file>

<file path=ppt/slideLayouts/_rels/slideLayout2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2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7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5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7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7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9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8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9.xml"/></Relationships>
</file>

<file path=ppt/slideLayouts/_rels/slideLayout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0.xml"/></Relationships>
</file>

<file path=ppt/slideLayouts/_rels/slideLayout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EE705D-33B1-944B-8CE4-56B5C4C553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3BA5EA-FB73-8444-A40D-D9380E8C45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D35831-E808-4904-8CB7-E8A55C290A92}" type="datetime1">
              <a:rPr lang="en-US" smtClean="0"/>
              <a:t>5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D0E20ED-4F03-A049-8598-82956CB897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9B7E5C-1573-9F4E-88D4-81D2D8850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3"/>
          </p:nvPr>
        </p:nvSpPr>
        <p:spPr>
          <a:xfrm>
            <a:off x="387625" y="1476000"/>
            <a:ext cx="11412000" cy="42480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194732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0E1B9C-4020-8D40-8114-6D2077D17E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3EBFE3-289B-4FE0-8043-78956E77124E}" type="datetime1">
              <a:rPr lang="en-US" smtClean="0"/>
              <a:t>5/1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5F6BFB6-8E76-E74C-8B47-4AA68D18E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1EDAD2-3870-D94F-A3B0-6B52A88720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261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0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wo Content Multicolou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AEC5D76C-ED68-064B-A7A9-C9CDFF56C986}"/>
              </a:ext>
            </a:extLst>
          </p:cNvPr>
          <p:cNvSpPr/>
          <p:nvPr userDrawn="1"/>
        </p:nvSpPr>
        <p:spPr>
          <a:xfrm>
            <a:off x="1" y="0"/>
            <a:ext cx="593725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246813" y="331200"/>
            <a:ext cx="5557837" cy="720000"/>
          </a:xfrm>
        </p:spPr>
        <p:txBody>
          <a:bodyPr/>
          <a:lstStyle>
            <a:lvl1pPr>
              <a:lnSpc>
                <a:spcPts val="5400"/>
              </a:lnSpc>
              <a:defRPr/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604AF51F-FB00-E846-AA12-12BD9665EC05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6246813" y="1476000"/>
            <a:ext cx="5557837" cy="424815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664568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0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5A62BB11-9EFF-F645-BCB6-C22776E9D0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32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0703C04-8D45-924B-BC45-6A7109C11F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EDF0389-2F78-6941-81DE-B9CAA34DCB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42C897D-5B61-914B-8ED5-263B924C2D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46A7E639-1729-EF45-A48C-17927EC5B25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800" y="331201"/>
            <a:ext cx="10440000" cy="3096000"/>
          </a:xfrm>
        </p:spPr>
        <p:txBody>
          <a:bodyPr/>
          <a:lstStyle>
            <a:lvl1pPr>
              <a:lnSpc>
                <a:spcPts val="5500"/>
              </a:lnSpc>
              <a:spcAft>
                <a:spcPts val="2400"/>
              </a:spcAft>
              <a:defRPr sz="5000" spc="-50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1600" y="5918400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43470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>
    <p:ext uri="{DCECCB84-F9BA-43D5-87BE-67443E8EF086}">
      <p15:sldGuideLst xmlns:p15="http://schemas.microsoft.com/office/powerpoint/2012/main">
        <p15:guide id="1" pos="6825">
          <p15:clr>
            <a:srgbClr val="F26B43"/>
          </p15:clr>
        </p15:guide>
      </p15:sldGuideLst>
    </p:ext>
  </p:extLst>
</p:sldLayout>
</file>

<file path=ppt/slideLayouts/slideLayout10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Quot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5A62BB11-9EFF-F645-BCB6-C22776E9D0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252000" y="0"/>
            <a:ext cx="59400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0703C04-8D45-924B-BC45-6A7109C11F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EDF0389-2F78-6941-81DE-B9CAA34DCB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42C897D-5B61-914B-8ED5-263B924C2D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46A7E639-1729-EF45-A48C-17927EC5B25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800" y="331201"/>
            <a:ext cx="5548450" cy="3096000"/>
          </a:xfrm>
        </p:spPr>
        <p:txBody>
          <a:bodyPr/>
          <a:lstStyle>
            <a:lvl1pPr>
              <a:lnSpc>
                <a:spcPts val="3600"/>
              </a:lnSpc>
              <a:spcAft>
                <a:spcPts val="2400"/>
              </a:spcAft>
              <a:defRPr sz="3200" spc="-50" baseline="0">
                <a:solidFill>
                  <a:schemeClr val="accent1"/>
                </a:solidFill>
                <a:latin typeface="+mj-lt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1600" y="5918400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413396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>
    <p:ext uri="{DCECCB84-F9BA-43D5-87BE-67443E8EF086}">
      <p15:sldGuideLst xmlns:p15="http://schemas.microsoft.com/office/powerpoint/2012/main">
        <p15:guide id="1" pos="6825">
          <p15:clr>
            <a:srgbClr val="F26B43"/>
          </p15:clr>
        </p15:guide>
      </p15:sldGuideLst>
    </p:ext>
  </p:extLst>
</p:sldLayout>
</file>

<file path=ppt/slideLayouts/slideLayout10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Quot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5A62BB11-9EFF-F645-BCB6-C22776E9D0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59400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0703C04-8D45-924B-BC45-6A7109C11F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EDF0389-2F78-6941-81DE-B9CAA34DCB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42C897D-5B61-914B-8ED5-263B924C2D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46A7E639-1729-EF45-A48C-17927EC5B25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246813" y="331201"/>
            <a:ext cx="5557837" cy="3096000"/>
          </a:xfrm>
        </p:spPr>
        <p:txBody>
          <a:bodyPr/>
          <a:lstStyle>
            <a:lvl1pPr>
              <a:lnSpc>
                <a:spcPts val="3600"/>
              </a:lnSpc>
              <a:spcAft>
                <a:spcPts val="2400"/>
              </a:spcAft>
              <a:defRPr sz="3200" spc="-50" baseline="0">
                <a:solidFill>
                  <a:schemeClr val="accent1"/>
                </a:solidFill>
                <a:latin typeface="+mj-lt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4592158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>
    <p:ext uri="{DCECCB84-F9BA-43D5-87BE-67443E8EF086}">
      <p15:sldGuideLst xmlns:p15="http://schemas.microsoft.com/office/powerpoint/2012/main">
        <p15:guide id="1" pos="6825">
          <p15:clr>
            <a:srgbClr val="F26B43"/>
          </p15:clr>
        </p15:guide>
      </p15:sldGuideLst>
    </p:ext>
  </p:extLst>
</p:sldLayout>
</file>

<file path=ppt/slideLayouts/slideLayout10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3_Quot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5A62BB11-9EFF-F645-BCB6-C22776E9D0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3571874"/>
            <a:ext cx="12192000" cy="3286125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0703C04-8D45-924B-BC45-6A7109C11F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EDF0389-2F78-6941-81DE-B9CAA34DCB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42C897D-5B61-914B-8ED5-263B924C2D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46A7E639-1729-EF45-A48C-17927EC5B25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800" y="331201"/>
            <a:ext cx="10440000" cy="2913040"/>
          </a:xfrm>
        </p:spPr>
        <p:txBody>
          <a:bodyPr/>
          <a:lstStyle>
            <a:lvl1pPr>
              <a:lnSpc>
                <a:spcPts val="3600"/>
              </a:lnSpc>
              <a:spcAft>
                <a:spcPts val="2400"/>
              </a:spcAft>
              <a:defRPr sz="3200" spc="-50" baseline="0">
                <a:solidFill>
                  <a:schemeClr val="accent1"/>
                </a:solidFill>
                <a:latin typeface="+mj-lt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1600" y="5918400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027629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>
    <p:ext uri="{DCECCB84-F9BA-43D5-87BE-67443E8EF086}">
      <p15:sldGuideLst xmlns:p15="http://schemas.microsoft.com/office/powerpoint/2012/main">
        <p15:guide id="1" pos="6825">
          <p15:clr>
            <a:srgbClr val="F26B43"/>
          </p15:clr>
        </p15:guide>
      </p15:sldGuideLst>
    </p:ext>
  </p:extLst>
</p:sldLayout>
</file>

<file path=ppt/slideLayouts/slideLayout10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Quot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5A62BB11-9EFF-F645-BCB6-C22776E9D0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3286125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0703C04-8D45-924B-BC45-6A7109C11F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EDF0389-2F78-6941-81DE-B9CAA34DCB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42C897D-5B61-914B-8ED5-263B924C2D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46A7E639-1729-EF45-A48C-17927EC5B25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800" y="3670125"/>
            <a:ext cx="10440000" cy="2632249"/>
          </a:xfrm>
        </p:spPr>
        <p:txBody>
          <a:bodyPr/>
          <a:lstStyle>
            <a:lvl1pPr>
              <a:lnSpc>
                <a:spcPts val="3600"/>
              </a:lnSpc>
              <a:spcAft>
                <a:spcPts val="2400"/>
              </a:spcAft>
              <a:defRPr sz="3200" spc="-50" baseline="0">
                <a:solidFill>
                  <a:schemeClr val="accent1"/>
                </a:solidFill>
                <a:latin typeface="+mj-lt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2389302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>
    <p:ext uri="{DCECCB84-F9BA-43D5-87BE-67443E8EF086}">
      <p15:sldGuideLst xmlns:p15="http://schemas.microsoft.com/office/powerpoint/2012/main">
        <p15:guide id="1" pos="6825">
          <p15:clr>
            <a:srgbClr val="F26B43"/>
          </p15:clr>
        </p15:guide>
      </p15:sldGuideLst>
    </p:ext>
  </p:extLst>
</p:sldLayout>
</file>

<file path=ppt/slideLayouts/slideLayout10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Fig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BC65874E-B7B2-864B-97BA-3B61A51574FB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143626" y="0"/>
            <a:ext cx="6048375" cy="6063798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0E1B9C-4020-8D40-8114-6D2077D17E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t>5/1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5F6BFB6-8E76-E74C-8B47-4AA68D18E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1EDAD2-3870-D94F-A3B0-6B52A88720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0700E41C-0494-6441-8E0D-BE244BFA449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59999" y="1008000"/>
            <a:ext cx="4348937" cy="1980000"/>
          </a:xfrm>
        </p:spPr>
        <p:txBody>
          <a:bodyPr anchor="t" anchorCtr="0"/>
          <a:lstStyle>
            <a:lvl1pPr>
              <a:lnSpc>
                <a:spcPct val="100000"/>
              </a:lnSpc>
              <a:defRPr sz="14000" b="0" i="0" spc="-150" baseline="0">
                <a:solidFill>
                  <a:schemeClr val="accent1"/>
                </a:solidFill>
                <a:latin typeface="Aktiv Grotesk Thin" panose="020B0404020202020204" pitchFamily="34" charset="0"/>
                <a:cs typeface="Aktiv Grotesk Thin" panose="020B0404020202020204" pitchFamily="34" charset="0"/>
              </a:defRPr>
            </a:lvl1pPr>
          </a:lstStyle>
          <a:p>
            <a:pPr lvl="0"/>
            <a:r>
              <a:rPr lang="en-US" dirty="0"/>
              <a:t>00%</a:t>
            </a:r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58B65A77-B204-F543-AF6D-4E63C03889B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937" y="2987999"/>
            <a:ext cx="4320000" cy="2736000"/>
          </a:xfrm>
        </p:spPr>
        <p:txBody>
          <a:bodyPr/>
          <a:lstStyle>
            <a:lvl1pPr>
              <a:lnSpc>
                <a:spcPts val="3400"/>
              </a:lnSpc>
              <a:spcAft>
                <a:spcPts val="1200"/>
              </a:spcAft>
              <a:defRPr sz="3000">
                <a:solidFill>
                  <a:schemeClr val="accent1"/>
                </a:solidFill>
                <a:latin typeface="+mj-lt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2156160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0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4256A8C-F631-5048-933E-36BB2B7193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5ABC13E-3AAB-A84C-BD3A-6009A004F8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0E142A4-736B-DF4E-A72E-E936C45320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Media Placeholder 6">
            <a:extLst>
              <a:ext uri="{FF2B5EF4-FFF2-40B4-BE49-F238E27FC236}">
                <a16:creationId xmlns:a16="http://schemas.microsoft.com/office/drawing/2014/main" id="{38A3C210-3C6C-BB4E-AB18-520DA31DFF9D}"/>
              </a:ext>
            </a:extLst>
          </p:cNvPr>
          <p:cNvSpPr>
            <a:spLocks noGrp="1"/>
          </p:cNvSpPr>
          <p:nvPr>
            <p:ph type="media" sz="quarter" idx="13"/>
          </p:nvPr>
        </p:nvSpPr>
        <p:spPr>
          <a:xfrm>
            <a:off x="0" y="0"/>
            <a:ext cx="12192000" cy="6858000"/>
          </a:xfrm>
        </p:spPr>
        <p:txBody>
          <a:bodyPr anchor="ctr" anchorCtr="0"/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media</a:t>
            </a:r>
            <a:endParaRPr lang="en-GB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1600" y="5918400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03088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0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30C526-47DC-3B45-BDB4-3CBB68F7E6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8E15B81-5BF2-6D47-B422-14E4A7A3C7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t>5/1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232541C-BDB6-9B41-BD0A-BEE336E531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EA3E96B-CBB6-3C49-A743-98A233E35B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42548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0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0E1B9C-4020-8D40-8114-6D2077D17E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t>5/1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5F6BFB6-8E76-E74C-8B47-4AA68D18E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1EDAD2-3870-D94F-A3B0-6B52A88720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615535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 title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C2AE6FC5-3C68-EA4E-9993-6A6F5A9DADC2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32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8392E2A5-0A94-224E-8A8B-B758F5D4968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7200000" cy="18720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 spc="-8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</a:t>
            </a:r>
            <a:br>
              <a:rPr lang="en-US" dirty="0"/>
            </a:br>
            <a:r>
              <a:rPr lang="en-US" dirty="0"/>
              <a:t>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CFEDDD2-D68A-E247-BA34-D7FF7F62186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88800" y="3384000"/>
            <a:ext cx="3600000" cy="10800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400"/>
              </a:lnSpc>
              <a:buNone/>
              <a:defRPr sz="3200">
                <a:solidFill>
                  <a:schemeClr val="bg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F7F29FA-07B2-9246-BD54-54AEE122F8A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8800" y="6156000"/>
            <a:ext cx="3600000" cy="432000"/>
          </a:xfrm>
        </p:spPr>
        <p:txBody>
          <a:bodyPr/>
          <a:lstStyle>
            <a:lvl1pPr>
              <a:defRPr sz="2000">
                <a:solidFill>
                  <a:schemeClr val="bg1"/>
                </a:solidFill>
              </a:defRPr>
            </a:lvl1pPr>
          </a:lstStyle>
          <a:p>
            <a:fld id="{6FBB1780-2A16-4F3A-983B-6E2811DE2806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DD5AB6-3BDE-8946-9C08-9BEBB7A271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63357B-3FE8-5841-80A6-42A2944A83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-1947600" y="6285600"/>
            <a:ext cx="720000" cy="288000"/>
          </a:xfrm>
        </p:spPr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F8EBC734-0E89-CC45-A68A-9AA8FBB43BD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231896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ue Title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9">
            <a:extLst>
              <a:ext uri="{FF2B5EF4-FFF2-40B4-BE49-F238E27FC236}">
                <a16:creationId xmlns:a16="http://schemas.microsoft.com/office/drawing/2014/main" id="{C2AE6FC5-3C68-EA4E-9993-6A6F5A9DADC2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32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7A149394-4D07-864E-9E2A-539CE02EB30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5400000" cy="1881538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 spc="-80" baseline="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 dirty="0"/>
              <a:t>Click to </a:t>
            </a:r>
            <a:br>
              <a:rPr lang="en-US" dirty="0"/>
            </a:br>
            <a:r>
              <a:rPr lang="en-US" dirty="0"/>
              <a:t>edit title </a:t>
            </a:r>
          </a:p>
        </p:txBody>
      </p:sp>
      <p:sp>
        <p:nvSpPr>
          <p:cNvPr id="7" name="Subtitle 2">
            <a:extLst>
              <a:ext uri="{FF2B5EF4-FFF2-40B4-BE49-F238E27FC236}">
                <a16:creationId xmlns:a16="http://schemas.microsoft.com/office/drawing/2014/main" id="{0CFEDDD2-D68A-E247-BA34-D7FF7F62186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88800" y="3384000"/>
            <a:ext cx="3600000" cy="10800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400"/>
              </a:lnSpc>
              <a:buNone/>
              <a:defRPr sz="3200">
                <a:solidFill>
                  <a:schemeClr val="accent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subtitle style</a:t>
            </a:r>
          </a:p>
        </p:txBody>
      </p:sp>
      <p:sp>
        <p:nvSpPr>
          <p:cNvPr id="12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820941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1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hank You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  <a:noFill/>
        </p:spPr>
        <p:txBody>
          <a:bodyPr/>
          <a:lstStyle>
            <a:lvl1pPr>
              <a:defRPr baseline="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A2E6C500-BE65-7D4D-9151-1D3E24C5AED8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  <a:noFill/>
        </p:spPr>
        <p:txBody>
          <a:bodyPr/>
          <a:lstStyle>
            <a:lvl1pPr>
              <a:lnSpc>
                <a:spcPts val="3400"/>
              </a:lnSpc>
              <a:spcBef>
                <a:spcPts val="600"/>
              </a:spcBef>
              <a:spcAft>
                <a:spcPts val="600"/>
              </a:spcAft>
              <a:defRPr sz="3000">
                <a:solidFill>
                  <a:schemeClr val="tx1"/>
                </a:solidFill>
                <a:latin typeface="+mn-lt"/>
              </a:defRPr>
            </a:lvl1pPr>
            <a:lvl2pPr marL="216000" indent="-216000">
              <a:lnSpc>
                <a:spcPts val="3400"/>
              </a:lnSpc>
              <a:spcAft>
                <a:spcPts val="1200"/>
              </a:spcAft>
              <a:defRPr sz="3000">
                <a:solidFill>
                  <a:schemeClr val="tx1"/>
                </a:solidFill>
              </a:defRPr>
            </a:lvl2pPr>
            <a:lvl3pPr marL="57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tx1"/>
                </a:solidFill>
              </a:defRPr>
            </a:lvl3pPr>
            <a:lvl4pPr marL="129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tx1"/>
                </a:solidFill>
              </a:defRPr>
            </a:lvl4pPr>
            <a:lvl5pPr marL="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0" name="Picture Placeholder 8">
            <a:extLst>
              <a:ext uri="{FF2B5EF4-FFF2-40B4-BE49-F238E27FC236}">
                <a16:creationId xmlns:a16="http://schemas.microsoft.com/office/drawing/2014/main" id="{DBA1A7DB-C9F4-CF46-A300-1E25FFA0C866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943200" y="0"/>
            <a:ext cx="5248800" cy="5249688"/>
          </a:xfrm>
          <a:custGeom>
            <a:avLst/>
            <a:gdLst>
              <a:gd name="connsiteX0" fmla="*/ 0 w 5248800"/>
              <a:gd name="connsiteY0" fmla="*/ 0 h 5249688"/>
              <a:gd name="connsiteX1" fmla="*/ 5248800 w 5248800"/>
              <a:gd name="connsiteY1" fmla="*/ 0 h 5249688"/>
              <a:gd name="connsiteX2" fmla="*/ 5248800 w 5248800"/>
              <a:gd name="connsiteY2" fmla="*/ 4375266 h 5249688"/>
              <a:gd name="connsiteX3" fmla="*/ 4372800 w 5248800"/>
              <a:gd name="connsiteY3" fmla="*/ 5249688 h 5249688"/>
              <a:gd name="connsiteX4" fmla="*/ 4372800 w 5248800"/>
              <a:gd name="connsiteY4" fmla="*/ 4375266 h 5249688"/>
              <a:gd name="connsiteX5" fmla="*/ 3496800 w 5248800"/>
              <a:gd name="connsiteY5" fmla="*/ 5249688 h 5249688"/>
              <a:gd name="connsiteX6" fmla="*/ 3496800 w 5248800"/>
              <a:gd name="connsiteY6" fmla="*/ 4375266 h 5249688"/>
              <a:gd name="connsiteX7" fmla="*/ 2620800 w 5248800"/>
              <a:gd name="connsiteY7" fmla="*/ 5249688 h 5249688"/>
              <a:gd name="connsiteX8" fmla="*/ 2620800 w 5248800"/>
              <a:gd name="connsiteY8" fmla="*/ 4375266 h 5249688"/>
              <a:gd name="connsiteX9" fmla="*/ 1744800 w 5248800"/>
              <a:gd name="connsiteY9" fmla="*/ 5249688 h 5249688"/>
              <a:gd name="connsiteX10" fmla="*/ 1744800 w 5248800"/>
              <a:gd name="connsiteY10" fmla="*/ 4375266 h 5249688"/>
              <a:gd name="connsiteX11" fmla="*/ 868800 w 5248800"/>
              <a:gd name="connsiteY11" fmla="*/ 5249688 h 5249688"/>
              <a:gd name="connsiteX12" fmla="*/ 868800 w 5248800"/>
              <a:gd name="connsiteY12" fmla="*/ 4375266 h 5249688"/>
              <a:gd name="connsiteX13" fmla="*/ 0 w 5248800"/>
              <a:gd name="connsiteY13" fmla="*/ 5242501 h 52496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5248800" h="5249688">
                <a:moveTo>
                  <a:pt x="0" y="0"/>
                </a:moveTo>
                <a:lnTo>
                  <a:pt x="5248800" y="0"/>
                </a:lnTo>
                <a:lnTo>
                  <a:pt x="5248800" y="4375266"/>
                </a:lnTo>
                <a:lnTo>
                  <a:pt x="4372800" y="5249688"/>
                </a:lnTo>
                <a:lnTo>
                  <a:pt x="4372800" y="4375266"/>
                </a:lnTo>
                <a:lnTo>
                  <a:pt x="3496800" y="5249688"/>
                </a:lnTo>
                <a:lnTo>
                  <a:pt x="3496800" y="4375266"/>
                </a:lnTo>
                <a:lnTo>
                  <a:pt x="2620800" y="5249688"/>
                </a:lnTo>
                <a:lnTo>
                  <a:pt x="2620800" y="4375266"/>
                </a:lnTo>
                <a:lnTo>
                  <a:pt x="1744800" y="5249688"/>
                </a:lnTo>
                <a:lnTo>
                  <a:pt x="1744800" y="4375266"/>
                </a:lnTo>
                <a:lnTo>
                  <a:pt x="868800" y="5249688"/>
                </a:lnTo>
                <a:lnTo>
                  <a:pt x="868800" y="4375266"/>
                </a:lnTo>
                <a:lnTo>
                  <a:pt x="0" y="5242501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defRPr sz="2000"/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726345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Two Content Multicolour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AEC5D76C-ED68-064B-A7A9-C9CDFF56C986}"/>
              </a:ext>
            </a:extLst>
          </p:cNvPr>
          <p:cNvSpPr/>
          <p:nvPr userDrawn="1"/>
        </p:nvSpPr>
        <p:spPr>
          <a:xfrm>
            <a:off x="6108001" y="0"/>
            <a:ext cx="6083999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</p:spPr>
        <p:txBody>
          <a:bodyPr/>
          <a:lstStyle>
            <a:lvl1pPr>
              <a:lnSpc>
                <a:spcPct val="90000"/>
              </a:lnSpc>
              <a:defRPr/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604AF51F-FB00-E846-AA12-12BD9665EC05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5" y="1476000"/>
            <a:ext cx="5544000" cy="424815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5BDFD5DA-5D4B-7D46-A2DE-B3296588BC41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256075" y="1476000"/>
            <a:ext cx="5543550" cy="424815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95A022EB-FA1E-DE4C-95B5-3863E488B3CB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56075" y="331200"/>
            <a:ext cx="5544000" cy="720000"/>
          </a:xfrm>
        </p:spPr>
        <p:txBody>
          <a:bodyPr/>
          <a:lstStyle>
            <a:lvl1pPr>
              <a:lnSpc>
                <a:spcPct val="90000"/>
              </a:lnSpc>
              <a:defRPr sz="50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Click to edit title</a:t>
            </a:r>
          </a:p>
        </p:txBody>
      </p:sp>
      <p:sp>
        <p:nvSpPr>
          <p:cNvPr id="15" name="Freeform 5">
            <a:extLst>
              <a:ext uri="{FF2B5EF4-FFF2-40B4-BE49-F238E27FC236}">
                <a16:creationId xmlns:a16="http://schemas.microsoft.com/office/drawing/2014/main" id="{041B81D9-D63C-3A45-B5D1-F0E0F712AC19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290450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Styl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92E2A5-0A94-224E-8A8B-B758F5D4968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7200000" cy="18720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 spc="-80" baseline="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 dirty="0"/>
              <a:t>Click to edit</a:t>
            </a:r>
            <a:br>
              <a:rPr lang="en-US" dirty="0"/>
            </a:br>
            <a:r>
              <a:rPr lang="en-US" dirty="0"/>
              <a:t>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CFEDDD2-D68A-E247-BA34-D7FF7F62186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88800" y="3384000"/>
            <a:ext cx="3600000" cy="10800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400"/>
              </a:lnSpc>
              <a:buNone/>
              <a:defRPr sz="3200">
                <a:solidFill>
                  <a:schemeClr val="accent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F7F29FA-07B2-9246-BD54-54AEE122F8A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8800" y="6156000"/>
            <a:ext cx="3600000" cy="432000"/>
          </a:xfrm>
        </p:spPr>
        <p:txBody>
          <a:bodyPr/>
          <a:lstStyle>
            <a:lvl1pPr>
              <a:defRPr sz="2000">
                <a:solidFill>
                  <a:schemeClr val="accent1"/>
                </a:solidFill>
              </a:defRPr>
            </a:lvl1pPr>
          </a:lstStyle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DD5AB6-3BDE-8946-9C08-9BEBB7A271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63357B-3FE8-5841-80A6-42A2944A83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-1947600" y="6285600"/>
            <a:ext cx="720000" cy="288000"/>
          </a:xfrm>
        </p:spPr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8" name="Picture Placeholder 14">
            <a:extLst>
              <a:ext uri="{FF2B5EF4-FFF2-40B4-BE49-F238E27FC236}">
                <a16:creationId xmlns:a16="http://schemas.microsoft.com/office/drawing/2014/main" id="{DC2DEB31-5E37-0B41-AEA9-67D88C042BF1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7599600" y="-1"/>
            <a:ext cx="4597199" cy="4593599"/>
          </a:xfrm>
          <a:custGeom>
            <a:avLst/>
            <a:gdLst>
              <a:gd name="connsiteX0" fmla="*/ 0 w 4597199"/>
              <a:gd name="connsiteY0" fmla="*/ 0 h 4593599"/>
              <a:gd name="connsiteX1" fmla="*/ 4597199 w 4597199"/>
              <a:gd name="connsiteY1" fmla="*/ 0 h 4593599"/>
              <a:gd name="connsiteX2" fmla="*/ 4597199 w 4597199"/>
              <a:gd name="connsiteY2" fmla="*/ 4593599 h 4593599"/>
              <a:gd name="connsiteX3" fmla="*/ 761399 w 4597199"/>
              <a:gd name="connsiteY3" fmla="*/ 4593599 h 4593599"/>
              <a:gd name="connsiteX4" fmla="*/ 0 w 4597199"/>
              <a:gd name="connsiteY4" fmla="*/ 3833781 h 4593599"/>
              <a:gd name="connsiteX5" fmla="*/ 0 w 4597199"/>
              <a:gd name="connsiteY5" fmla="*/ 3828704 h 4593599"/>
              <a:gd name="connsiteX6" fmla="*/ 761400 w 4597199"/>
              <a:gd name="connsiteY6" fmla="*/ 3828704 h 4593599"/>
              <a:gd name="connsiteX7" fmla="*/ 0 w 4597199"/>
              <a:gd name="connsiteY7" fmla="*/ 3068885 h 4593599"/>
              <a:gd name="connsiteX8" fmla="*/ 0 w 4597199"/>
              <a:gd name="connsiteY8" fmla="*/ 3063809 h 4593599"/>
              <a:gd name="connsiteX9" fmla="*/ 761400 w 4597199"/>
              <a:gd name="connsiteY9" fmla="*/ 3063809 h 4593599"/>
              <a:gd name="connsiteX10" fmla="*/ 0 w 4597199"/>
              <a:gd name="connsiteY10" fmla="*/ 2301191 h 4593599"/>
              <a:gd name="connsiteX11" fmla="*/ 0 w 4597199"/>
              <a:gd name="connsiteY11" fmla="*/ 2296096 h 4593599"/>
              <a:gd name="connsiteX12" fmla="*/ 761400 w 4597199"/>
              <a:gd name="connsiteY12" fmla="*/ 2296096 h 4593599"/>
              <a:gd name="connsiteX13" fmla="*/ 0 w 4597199"/>
              <a:gd name="connsiteY13" fmla="*/ 1536277 h 4593599"/>
              <a:gd name="connsiteX14" fmla="*/ 0 w 4597199"/>
              <a:gd name="connsiteY14" fmla="*/ 1531200 h 4593599"/>
              <a:gd name="connsiteX15" fmla="*/ 761400 w 4597199"/>
              <a:gd name="connsiteY15" fmla="*/ 1531200 h 4593599"/>
              <a:gd name="connsiteX16" fmla="*/ 0 w 4597199"/>
              <a:gd name="connsiteY16" fmla="*/ 771381 h 4593599"/>
              <a:gd name="connsiteX17" fmla="*/ 0 w 4597199"/>
              <a:gd name="connsiteY17" fmla="*/ 766304 h 4593599"/>
              <a:gd name="connsiteX18" fmla="*/ 761400 w 4597199"/>
              <a:gd name="connsiteY18" fmla="*/ 766304 h 4593599"/>
              <a:gd name="connsiteX19" fmla="*/ 0 w 4597199"/>
              <a:gd name="connsiteY19" fmla="*/ 5086 h 459359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</a:cxnLst>
            <a:rect l="l" t="t" r="r" b="b"/>
            <a:pathLst>
              <a:path w="4597199" h="4593599">
                <a:moveTo>
                  <a:pt x="0" y="0"/>
                </a:moveTo>
                <a:lnTo>
                  <a:pt x="4597199" y="0"/>
                </a:lnTo>
                <a:lnTo>
                  <a:pt x="4597199" y="4593599"/>
                </a:lnTo>
                <a:lnTo>
                  <a:pt x="761399" y="4593599"/>
                </a:lnTo>
                <a:lnTo>
                  <a:pt x="0" y="3833781"/>
                </a:lnTo>
                <a:lnTo>
                  <a:pt x="0" y="3828704"/>
                </a:lnTo>
                <a:lnTo>
                  <a:pt x="761400" y="3828704"/>
                </a:lnTo>
                <a:lnTo>
                  <a:pt x="0" y="3068885"/>
                </a:lnTo>
                <a:lnTo>
                  <a:pt x="0" y="3063809"/>
                </a:lnTo>
                <a:lnTo>
                  <a:pt x="761400" y="3063809"/>
                </a:lnTo>
                <a:lnTo>
                  <a:pt x="0" y="2301191"/>
                </a:lnTo>
                <a:lnTo>
                  <a:pt x="0" y="2296096"/>
                </a:lnTo>
                <a:lnTo>
                  <a:pt x="761400" y="2296096"/>
                </a:lnTo>
                <a:lnTo>
                  <a:pt x="0" y="1536277"/>
                </a:lnTo>
                <a:lnTo>
                  <a:pt x="0" y="1531200"/>
                </a:lnTo>
                <a:lnTo>
                  <a:pt x="761400" y="1531200"/>
                </a:lnTo>
                <a:lnTo>
                  <a:pt x="0" y="771381"/>
                </a:lnTo>
                <a:lnTo>
                  <a:pt x="0" y="766304"/>
                </a:lnTo>
                <a:lnTo>
                  <a:pt x="761400" y="766304"/>
                </a:lnTo>
                <a:lnTo>
                  <a:pt x="0" y="5086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defRPr sz="2000"/>
            </a:lvl1pPr>
          </a:lstStyle>
          <a:p>
            <a:endParaRPr lang="en-GB" dirty="0"/>
          </a:p>
        </p:txBody>
      </p:sp>
      <p:pic>
        <p:nvPicPr>
          <p:cNvPr id="12" name="Picture 2"/>
          <p:cNvPicPr>
            <a:picLocks noChangeAspect="1" noChangeArrowheads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1976165" y="4621909"/>
            <a:ext cx="1916715" cy="5791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3" name="TextBox 12"/>
          <p:cNvSpPr txBox="1"/>
          <p:nvPr userDrawn="1"/>
        </p:nvSpPr>
        <p:spPr>
          <a:xfrm>
            <a:off x="-1980728" y="5221649"/>
            <a:ext cx="1916715" cy="1015663"/>
          </a:xfrm>
          <a:prstGeom prst="rect">
            <a:avLst/>
          </a:prstGeom>
          <a:solidFill>
            <a:schemeClr val="bg1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en-GB" sz="1000" b="1" dirty="0">
                <a:solidFill>
                  <a:srgbClr val="D22630"/>
                </a:solidFill>
                <a:latin typeface="+mn-lt"/>
              </a:rPr>
              <a:t>Note</a:t>
            </a:r>
            <a:r>
              <a:rPr lang="en-GB" sz="1000" dirty="0">
                <a:solidFill>
                  <a:srgbClr val="D22630"/>
                </a:solidFill>
                <a:latin typeface="+mn-lt"/>
              </a:rPr>
              <a:t>: </a:t>
            </a:r>
            <a:r>
              <a:rPr lang="en-GB" sz="1000" dirty="0">
                <a:latin typeface="+mn-lt"/>
              </a:rPr>
              <a:t>To change text styles, place text cursor in text and choose to promote or demote level with one of</a:t>
            </a:r>
            <a:br>
              <a:rPr lang="en-GB" sz="1000" dirty="0">
                <a:latin typeface="+mn-lt"/>
              </a:rPr>
            </a:br>
            <a:r>
              <a:rPr lang="en-GB" sz="1000" dirty="0">
                <a:latin typeface="+mn-lt"/>
              </a:rPr>
              <a:t>the indicated buttons.</a:t>
            </a:r>
          </a:p>
          <a:p>
            <a:r>
              <a:rPr lang="en-GB" sz="1000" dirty="0">
                <a:latin typeface="+mn-lt"/>
              </a:rPr>
              <a:t>(located on the HOME tab)</a:t>
            </a:r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0C7D4C7D-8888-F24A-8D56-9B5233DECD7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674600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Cover Style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DD5AB6-3BDE-8946-9C08-9BEBB7A271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63357B-3FE8-5841-80A6-42A2944A83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-1947600" y="6285600"/>
            <a:ext cx="720000" cy="288000"/>
          </a:xfrm>
        </p:spPr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C7D4C7D-8888-F24A-8D56-9B5233DECD7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6853F4E6-622D-6746-9222-95B6AD41F62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560000" y="0"/>
            <a:ext cx="7632000" cy="6858000"/>
          </a:xfrm>
          <a:custGeom>
            <a:avLst/>
            <a:gdLst>
              <a:gd name="connsiteX0" fmla="*/ 0 w 7632000"/>
              <a:gd name="connsiteY0" fmla="*/ 0 h 6858000"/>
              <a:gd name="connsiteX1" fmla="*/ 7632000 w 7632000"/>
              <a:gd name="connsiteY1" fmla="*/ 0 h 6858000"/>
              <a:gd name="connsiteX2" fmla="*/ 7632000 w 7632000"/>
              <a:gd name="connsiteY2" fmla="*/ 6858000 h 6858000"/>
              <a:gd name="connsiteX3" fmla="*/ 2291650 w 7632000"/>
              <a:gd name="connsiteY3" fmla="*/ 6858000 h 6858000"/>
              <a:gd name="connsiteX4" fmla="*/ 2291650 w 7632000"/>
              <a:gd name="connsiteY4" fmla="*/ 6444218 h 6858000"/>
              <a:gd name="connsiteX5" fmla="*/ 2291650 w 7632000"/>
              <a:gd name="connsiteY5" fmla="*/ 2287588 h 6858000"/>
              <a:gd name="connsiteX6" fmla="*/ 7767 w 7632000"/>
              <a:gd name="connsiteY6" fmla="*/ 1588 h 6858000"/>
              <a:gd name="connsiteX7" fmla="*/ 0 w 7632000"/>
              <a:gd name="connsiteY7" fmla="*/ 1588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7632000" h="6858000">
                <a:moveTo>
                  <a:pt x="0" y="0"/>
                </a:moveTo>
                <a:lnTo>
                  <a:pt x="7632000" y="0"/>
                </a:lnTo>
                <a:lnTo>
                  <a:pt x="7632000" y="6858000"/>
                </a:lnTo>
                <a:lnTo>
                  <a:pt x="2291650" y="6858000"/>
                </a:lnTo>
                <a:lnTo>
                  <a:pt x="2291650" y="6444218"/>
                </a:lnTo>
                <a:cubicBezTo>
                  <a:pt x="2291650" y="2287588"/>
                  <a:pt x="2291650" y="2287588"/>
                  <a:pt x="2291650" y="2287588"/>
                </a:cubicBezTo>
                <a:cubicBezTo>
                  <a:pt x="1030756" y="2287588"/>
                  <a:pt x="7767" y="1263651"/>
                  <a:pt x="7767" y="1588"/>
                </a:cubicBezTo>
                <a:lnTo>
                  <a:pt x="0" y="1588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F8EBC734-0E89-CC45-A68A-9AA8FBB43BD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30000" y="5677200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7A149394-4D07-864E-9E2A-539CE02EB30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5400000" cy="1881538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 spc="-8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 dirty="0"/>
              <a:t>Click to </a:t>
            </a:r>
            <a:br>
              <a:rPr lang="en-US" dirty="0"/>
            </a:br>
            <a:r>
              <a:rPr lang="en-US" dirty="0"/>
              <a:t>edit title 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0CFEDDD2-D68A-E247-BA34-D7FF7F62186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88800" y="3384000"/>
            <a:ext cx="3600000" cy="10800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400"/>
              </a:lnSpc>
              <a:buNone/>
              <a:defRPr sz="3200">
                <a:solidFill>
                  <a:schemeClr val="tx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subtitle style</a:t>
            </a:r>
          </a:p>
        </p:txBody>
      </p:sp>
      <p:sp>
        <p:nvSpPr>
          <p:cNvPr id="10" name="Date Placeholder 3">
            <a:extLst>
              <a:ext uri="{FF2B5EF4-FFF2-40B4-BE49-F238E27FC236}">
                <a16:creationId xmlns:a16="http://schemas.microsoft.com/office/drawing/2014/main" id="{9F7F29FA-07B2-9246-BD54-54AEE122F8A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8800" y="6156000"/>
            <a:ext cx="3600000" cy="432000"/>
          </a:xfrm>
        </p:spPr>
        <p:txBody>
          <a:bodyPr/>
          <a:lstStyle>
            <a:lvl1pPr>
              <a:defRPr sz="2000">
                <a:solidFill>
                  <a:schemeClr val="tx1"/>
                </a:solidFill>
              </a:defRPr>
            </a:lvl1pPr>
          </a:lstStyle>
          <a:p>
            <a:fld id="{2F004939-8A88-4CA1-8201-BC4132F9F740}" type="datetime3">
              <a:rPr lang="en-US" smtClean="0"/>
              <a:t>18 May 202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281197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hf sldNum="0" hdr="0" ftr="0"/>
</p:sldLayout>
</file>

<file path=ppt/slideLayouts/slideLayout1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Style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DD5AB6-3BDE-8946-9C08-9BEBB7A271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63357B-3FE8-5841-80A6-42A2944A83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-1947600" y="6285600"/>
            <a:ext cx="720000" cy="288000"/>
          </a:xfrm>
        </p:spPr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7A149394-4D07-864E-9E2A-539CE02EB30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5400000" cy="1881538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 spc="-8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 dirty="0"/>
              <a:t>Click to </a:t>
            </a:r>
            <a:br>
              <a:rPr lang="en-US" dirty="0"/>
            </a:br>
            <a:r>
              <a:rPr lang="en-US" dirty="0"/>
              <a:t>edit title </a:t>
            </a:r>
          </a:p>
        </p:txBody>
      </p:sp>
      <p:sp>
        <p:nvSpPr>
          <p:cNvPr id="19" name="Date Placeholder 3">
            <a:extLst>
              <a:ext uri="{FF2B5EF4-FFF2-40B4-BE49-F238E27FC236}">
                <a16:creationId xmlns:a16="http://schemas.microsoft.com/office/drawing/2014/main" id="{0B7F3AF0-22C6-CD4E-B1AD-F64EA21AD56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8800" y="6156000"/>
            <a:ext cx="3600000" cy="432000"/>
          </a:xfrm>
        </p:spPr>
        <p:txBody>
          <a:bodyPr/>
          <a:lstStyle>
            <a:lvl1pPr>
              <a:defRPr sz="2000">
                <a:solidFill>
                  <a:schemeClr val="tx1"/>
                </a:solidFill>
              </a:defRPr>
            </a:lvl1pPr>
          </a:lstStyle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C7D4C7D-8888-F24A-8D56-9B5233DECD7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0CFEDDD2-D68A-E247-BA34-D7FF7F62186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88800" y="3384000"/>
            <a:ext cx="3600000" cy="10800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400"/>
              </a:lnSpc>
              <a:buNone/>
              <a:defRPr sz="3200">
                <a:solidFill>
                  <a:schemeClr val="tx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subtitle style</a:t>
            </a:r>
          </a:p>
        </p:txBody>
      </p:sp>
      <p:sp>
        <p:nvSpPr>
          <p:cNvPr id="10" name="Picture Placeholder 14">
            <a:extLst>
              <a:ext uri="{FF2B5EF4-FFF2-40B4-BE49-F238E27FC236}">
                <a16:creationId xmlns:a16="http://schemas.microsoft.com/office/drawing/2014/main" id="{DC2DEB31-5E37-0B41-AEA9-67D88C042BF1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7599600" y="-1"/>
            <a:ext cx="4597199" cy="4593599"/>
          </a:xfrm>
          <a:custGeom>
            <a:avLst/>
            <a:gdLst>
              <a:gd name="connsiteX0" fmla="*/ 0 w 4597199"/>
              <a:gd name="connsiteY0" fmla="*/ 0 h 4593599"/>
              <a:gd name="connsiteX1" fmla="*/ 4597199 w 4597199"/>
              <a:gd name="connsiteY1" fmla="*/ 0 h 4593599"/>
              <a:gd name="connsiteX2" fmla="*/ 4597199 w 4597199"/>
              <a:gd name="connsiteY2" fmla="*/ 4593599 h 4593599"/>
              <a:gd name="connsiteX3" fmla="*/ 761399 w 4597199"/>
              <a:gd name="connsiteY3" fmla="*/ 4593599 h 4593599"/>
              <a:gd name="connsiteX4" fmla="*/ 0 w 4597199"/>
              <a:gd name="connsiteY4" fmla="*/ 3833781 h 4593599"/>
              <a:gd name="connsiteX5" fmla="*/ 0 w 4597199"/>
              <a:gd name="connsiteY5" fmla="*/ 3828704 h 4593599"/>
              <a:gd name="connsiteX6" fmla="*/ 761400 w 4597199"/>
              <a:gd name="connsiteY6" fmla="*/ 3828704 h 4593599"/>
              <a:gd name="connsiteX7" fmla="*/ 0 w 4597199"/>
              <a:gd name="connsiteY7" fmla="*/ 3068885 h 4593599"/>
              <a:gd name="connsiteX8" fmla="*/ 0 w 4597199"/>
              <a:gd name="connsiteY8" fmla="*/ 3063809 h 4593599"/>
              <a:gd name="connsiteX9" fmla="*/ 761400 w 4597199"/>
              <a:gd name="connsiteY9" fmla="*/ 3063809 h 4593599"/>
              <a:gd name="connsiteX10" fmla="*/ 0 w 4597199"/>
              <a:gd name="connsiteY10" fmla="*/ 2301191 h 4593599"/>
              <a:gd name="connsiteX11" fmla="*/ 0 w 4597199"/>
              <a:gd name="connsiteY11" fmla="*/ 2296096 h 4593599"/>
              <a:gd name="connsiteX12" fmla="*/ 761400 w 4597199"/>
              <a:gd name="connsiteY12" fmla="*/ 2296096 h 4593599"/>
              <a:gd name="connsiteX13" fmla="*/ 0 w 4597199"/>
              <a:gd name="connsiteY13" fmla="*/ 1536277 h 4593599"/>
              <a:gd name="connsiteX14" fmla="*/ 0 w 4597199"/>
              <a:gd name="connsiteY14" fmla="*/ 1531200 h 4593599"/>
              <a:gd name="connsiteX15" fmla="*/ 761400 w 4597199"/>
              <a:gd name="connsiteY15" fmla="*/ 1531200 h 4593599"/>
              <a:gd name="connsiteX16" fmla="*/ 0 w 4597199"/>
              <a:gd name="connsiteY16" fmla="*/ 771381 h 4593599"/>
              <a:gd name="connsiteX17" fmla="*/ 0 w 4597199"/>
              <a:gd name="connsiteY17" fmla="*/ 766304 h 4593599"/>
              <a:gd name="connsiteX18" fmla="*/ 761400 w 4597199"/>
              <a:gd name="connsiteY18" fmla="*/ 766304 h 4593599"/>
              <a:gd name="connsiteX19" fmla="*/ 0 w 4597199"/>
              <a:gd name="connsiteY19" fmla="*/ 5086 h 459359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</a:cxnLst>
            <a:rect l="l" t="t" r="r" b="b"/>
            <a:pathLst>
              <a:path w="4597199" h="4593599">
                <a:moveTo>
                  <a:pt x="0" y="0"/>
                </a:moveTo>
                <a:lnTo>
                  <a:pt x="4597199" y="0"/>
                </a:lnTo>
                <a:lnTo>
                  <a:pt x="4597199" y="4593599"/>
                </a:lnTo>
                <a:lnTo>
                  <a:pt x="761399" y="4593599"/>
                </a:lnTo>
                <a:lnTo>
                  <a:pt x="0" y="3833781"/>
                </a:lnTo>
                <a:lnTo>
                  <a:pt x="0" y="3828704"/>
                </a:lnTo>
                <a:lnTo>
                  <a:pt x="761400" y="3828704"/>
                </a:lnTo>
                <a:lnTo>
                  <a:pt x="0" y="3068885"/>
                </a:lnTo>
                <a:lnTo>
                  <a:pt x="0" y="3063809"/>
                </a:lnTo>
                <a:lnTo>
                  <a:pt x="761400" y="3063809"/>
                </a:lnTo>
                <a:lnTo>
                  <a:pt x="0" y="2301191"/>
                </a:lnTo>
                <a:lnTo>
                  <a:pt x="0" y="2296096"/>
                </a:lnTo>
                <a:lnTo>
                  <a:pt x="761400" y="2296096"/>
                </a:lnTo>
                <a:lnTo>
                  <a:pt x="0" y="1536277"/>
                </a:lnTo>
                <a:lnTo>
                  <a:pt x="0" y="1531200"/>
                </a:lnTo>
                <a:lnTo>
                  <a:pt x="761400" y="1531200"/>
                </a:lnTo>
                <a:lnTo>
                  <a:pt x="0" y="771381"/>
                </a:lnTo>
                <a:lnTo>
                  <a:pt x="0" y="766304"/>
                </a:lnTo>
                <a:lnTo>
                  <a:pt x="761400" y="766304"/>
                </a:lnTo>
                <a:lnTo>
                  <a:pt x="0" y="5086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defRPr sz="20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628345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over Style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9">
            <a:extLst>
              <a:ext uri="{FF2B5EF4-FFF2-40B4-BE49-F238E27FC236}">
                <a16:creationId xmlns:a16="http://schemas.microsoft.com/office/drawing/2014/main" id="{B391F902-427D-AE47-AB21-70E08B278D6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102000" y="0"/>
            <a:ext cx="6091200" cy="6858000"/>
          </a:xfrm>
          <a:custGeom>
            <a:avLst/>
            <a:gdLst>
              <a:gd name="connsiteX0" fmla="*/ 0 w 6091200"/>
              <a:gd name="connsiteY0" fmla="*/ 0 h 6858000"/>
              <a:gd name="connsiteX1" fmla="*/ 6091200 w 6091200"/>
              <a:gd name="connsiteY1" fmla="*/ 0 h 6858000"/>
              <a:gd name="connsiteX2" fmla="*/ 6091200 w 6091200"/>
              <a:gd name="connsiteY2" fmla="*/ 6858000 h 6858000"/>
              <a:gd name="connsiteX3" fmla="*/ 2286000 w 6091200"/>
              <a:gd name="connsiteY3" fmla="*/ 6858000 h 6858000"/>
              <a:gd name="connsiteX4" fmla="*/ 2286000 w 6091200"/>
              <a:gd name="connsiteY4" fmla="*/ 3429000 h 6858000"/>
              <a:gd name="connsiteX5" fmla="*/ 0 w 6091200"/>
              <a:gd name="connsiteY5" fmla="*/ 3429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91200" h="6858000">
                <a:moveTo>
                  <a:pt x="0" y="0"/>
                </a:moveTo>
                <a:lnTo>
                  <a:pt x="6091200" y="0"/>
                </a:lnTo>
                <a:lnTo>
                  <a:pt x="6091200" y="6858000"/>
                </a:lnTo>
                <a:lnTo>
                  <a:pt x="2286000" y="6858000"/>
                </a:lnTo>
                <a:lnTo>
                  <a:pt x="2286000" y="3429000"/>
                </a:lnTo>
                <a:lnTo>
                  <a:pt x="0" y="3429000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wrap="square" anchor="ctr" anchorCtr="0">
            <a:noAutofit/>
          </a:bodyPr>
          <a:lstStyle>
            <a:lvl1pPr algn="ctr">
              <a:defRPr sz="2000"/>
            </a:lvl1pPr>
          </a:lstStyle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DD5AB6-3BDE-8946-9C08-9BEBB7A271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63357B-3FE8-5841-80A6-42A2944A83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-1947600" y="6285600"/>
            <a:ext cx="720000" cy="288000"/>
          </a:xfrm>
        </p:spPr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7A149394-4D07-864E-9E2A-539CE02EB30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5400000" cy="1881538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 spc="-8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 dirty="0"/>
              <a:t>Click to </a:t>
            </a:r>
            <a:br>
              <a:rPr lang="en-US" dirty="0"/>
            </a:br>
            <a:r>
              <a:rPr lang="en-US" dirty="0"/>
              <a:t>edit title </a:t>
            </a:r>
          </a:p>
        </p:txBody>
      </p:sp>
      <p:sp>
        <p:nvSpPr>
          <p:cNvPr id="19" name="Date Placeholder 3">
            <a:extLst>
              <a:ext uri="{FF2B5EF4-FFF2-40B4-BE49-F238E27FC236}">
                <a16:creationId xmlns:a16="http://schemas.microsoft.com/office/drawing/2014/main" id="{0B7F3AF0-22C6-CD4E-B1AD-F64EA21AD56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8800" y="6156000"/>
            <a:ext cx="3600000" cy="432000"/>
          </a:xfrm>
        </p:spPr>
        <p:txBody>
          <a:bodyPr/>
          <a:lstStyle>
            <a:lvl1pPr>
              <a:defRPr sz="2000">
                <a:solidFill>
                  <a:schemeClr val="tx1"/>
                </a:solidFill>
              </a:defRPr>
            </a:lvl1pPr>
          </a:lstStyle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C7D4C7D-8888-F24A-8D56-9B5233DECD7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0CFEDDD2-D68A-E247-BA34-D7FF7F62186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88800" y="3384000"/>
            <a:ext cx="3600000" cy="10800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400"/>
              </a:lnSpc>
              <a:buNone/>
              <a:defRPr sz="3200">
                <a:solidFill>
                  <a:schemeClr val="tx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subtitle style</a:t>
            </a:r>
          </a:p>
        </p:txBody>
      </p:sp>
    </p:spTree>
    <p:extLst>
      <p:ext uri="{BB962C8B-B14F-4D97-AF65-F5344CB8AC3E}">
        <p14:creationId xmlns:p14="http://schemas.microsoft.com/office/powerpoint/2010/main" val="30929339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EE705D-33B1-944B-8CE4-56B5C4C553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3BA5EA-FB73-8444-A40D-D9380E8C45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t>5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D0E20ED-4F03-A049-8598-82956CB897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9B7E5C-1573-9F4E-88D4-81D2D8850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8A183D33-F157-7142-B2D3-D4E025F8371E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555644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ank You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  <a:noFill/>
        </p:spPr>
        <p:txBody>
          <a:bodyPr/>
          <a:lstStyle>
            <a:lvl1pPr>
              <a:defRPr baseline="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A2E6C500-BE65-7D4D-9151-1D3E24C5AED8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  <a:noFill/>
        </p:spPr>
        <p:txBody>
          <a:bodyPr/>
          <a:lstStyle>
            <a:lvl1pPr>
              <a:lnSpc>
                <a:spcPts val="3400"/>
              </a:lnSpc>
              <a:spcBef>
                <a:spcPts val="600"/>
              </a:spcBef>
              <a:spcAft>
                <a:spcPts val="600"/>
              </a:spcAft>
              <a:defRPr sz="3000">
                <a:solidFill>
                  <a:schemeClr val="tx1"/>
                </a:solidFill>
                <a:latin typeface="+mn-lt"/>
              </a:defRPr>
            </a:lvl1pPr>
            <a:lvl2pPr marL="216000" indent="-216000">
              <a:lnSpc>
                <a:spcPts val="3400"/>
              </a:lnSpc>
              <a:spcAft>
                <a:spcPts val="1200"/>
              </a:spcAft>
              <a:defRPr sz="3000">
                <a:solidFill>
                  <a:schemeClr val="tx1"/>
                </a:solidFill>
              </a:defRPr>
            </a:lvl2pPr>
            <a:lvl3pPr marL="57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tx1"/>
                </a:solidFill>
              </a:defRPr>
            </a:lvl3pPr>
            <a:lvl4pPr marL="129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tx1"/>
                </a:solidFill>
              </a:defRPr>
            </a:lvl4pPr>
            <a:lvl5pPr marL="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2" name="Picture Placeholder 11">
            <a:extLst>
              <a:ext uri="{FF2B5EF4-FFF2-40B4-BE49-F238E27FC236}">
                <a16:creationId xmlns:a16="http://schemas.microsoft.com/office/drawing/2014/main" id="{A32AC5EC-FFAB-AD4C-9161-B37DA15AD74B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155036" y="1530000"/>
            <a:ext cx="5329041" cy="5328000"/>
          </a:xfrm>
          <a:custGeom>
            <a:avLst/>
            <a:gdLst>
              <a:gd name="connsiteX0" fmla="*/ 0 w 5329041"/>
              <a:gd name="connsiteY0" fmla="*/ 0 h 5328000"/>
              <a:gd name="connsiteX1" fmla="*/ 5329041 w 5329041"/>
              <a:gd name="connsiteY1" fmla="*/ 0 h 5328000"/>
              <a:gd name="connsiteX2" fmla="*/ 5329041 w 5329041"/>
              <a:gd name="connsiteY2" fmla="*/ 900000 h 5328000"/>
              <a:gd name="connsiteX3" fmla="*/ 901041 w 5329041"/>
              <a:gd name="connsiteY3" fmla="*/ 900000 h 5328000"/>
              <a:gd name="connsiteX4" fmla="*/ 901041 w 5329041"/>
              <a:gd name="connsiteY4" fmla="*/ 5328000 h 5328000"/>
              <a:gd name="connsiteX5" fmla="*/ 0 w 5329041"/>
              <a:gd name="connsiteY5" fmla="*/ 5328000 h 532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329041" h="5328000">
                <a:moveTo>
                  <a:pt x="0" y="0"/>
                </a:moveTo>
                <a:lnTo>
                  <a:pt x="5329041" y="0"/>
                </a:lnTo>
                <a:lnTo>
                  <a:pt x="5329041" y="900000"/>
                </a:lnTo>
                <a:lnTo>
                  <a:pt x="901041" y="900000"/>
                </a:lnTo>
                <a:lnTo>
                  <a:pt x="901041" y="5328000"/>
                </a:lnTo>
                <a:lnTo>
                  <a:pt x="0" y="532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defRPr sz="2000">
                <a:solidFill>
                  <a:schemeClr val="bg1"/>
                </a:solidFill>
              </a:defRPr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963432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Thank You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4"/>
          </p:nvPr>
        </p:nvSpPr>
        <p:spPr>
          <a:xfrm>
            <a:off x="0" y="0"/>
            <a:ext cx="12192000" cy="6858000"/>
          </a:xfrm>
        </p:spPr>
        <p:txBody>
          <a:bodyPr/>
          <a:lstStyle/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  <a:noFill/>
        </p:spPr>
        <p:txBody>
          <a:bodyPr/>
          <a:lstStyle>
            <a:lvl1pPr>
              <a:defRPr baseline="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  <a:noFill/>
        </p:spPr>
        <p:txBody>
          <a:bodyPr/>
          <a:lstStyle>
            <a:lvl1pPr>
              <a:lnSpc>
                <a:spcPts val="3400"/>
              </a:lnSpc>
              <a:spcBef>
                <a:spcPts val="600"/>
              </a:spcBef>
              <a:spcAft>
                <a:spcPts val="600"/>
              </a:spcAft>
              <a:defRPr sz="3000">
                <a:solidFill>
                  <a:schemeClr val="tx1"/>
                </a:solidFill>
                <a:latin typeface="+mn-lt"/>
              </a:defRPr>
            </a:lvl1pPr>
            <a:lvl2pPr marL="216000" indent="-216000">
              <a:lnSpc>
                <a:spcPts val="3400"/>
              </a:lnSpc>
              <a:spcAft>
                <a:spcPts val="1200"/>
              </a:spcAft>
              <a:defRPr sz="3000">
                <a:solidFill>
                  <a:schemeClr val="tx1"/>
                </a:solidFill>
              </a:defRPr>
            </a:lvl2pPr>
            <a:lvl3pPr marL="57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tx1"/>
                </a:solidFill>
              </a:defRPr>
            </a:lvl3pPr>
            <a:lvl4pPr marL="129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tx1"/>
                </a:solidFill>
              </a:defRPr>
            </a:lvl4pPr>
            <a:lvl5pPr marL="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pic>
        <p:nvPicPr>
          <p:cNvPr id="14" name="Picture 2"/>
          <p:cNvPicPr>
            <a:picLocks noChangeAspect="1" noChangeArrowheads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1976165" y="4621909"/>
            <a:ext cx="1916715" cy="5791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5" name="TextBox 14"/>
          <p:cNvSpPr txBox="1"/>
          <p:nvPr userDrawn="1"/>
        </p:nvSpPr>
        <p:spPr>
          <a:xfrm>
            <a:off x="-1980728" y="5221649"/>
            <a:ext cx="1916715" cy="1015663"/>
          </a:xfrm>
          <a:prstGeom prst="rect">
            <a:avLst/>
          </a:prstGeom>
          <a:solidFill>
            <a:schemeClr val="bg1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en-GB" sz="1000" b="1" dirty="0">
                <a:solidFill>
                  <a:srgbClr val="D22630"/>
                </a:solidFill>
                <a:latin typeface="+mn-lt"/>
              </a:rPr>
              <a:t>Note</a:t>
            </a:r>
            <a:r>
              <a:rPr lang="en-GB" sz="1000" dirty="0">
                <a:solidFill>
                  <a:srgbClr val="D22630"/>
                </a:solidFill>
                <a:latin typeface="+mn-lt"/>
              </a:rPr>
              <a:t>: </a:t>
            </a:r>
            <a:r>
              <a:rPr lang="en-GB" sz="1000" dirty="0">
                <a:latin typeface="+mn-lt"/>
              </a:rPr>
              <a:t>To change text styles, place text cursor in text and choose to promote or demote level with one of</a:t>
            </a:r>
            <a:br>
              <a:rPr lang="en-GB" sz="1000" dirty="0">
                <a:latin typeface="+mn-lt"/>
              </a:rPr>
            </a:br>
            <a:r>
              <a:rPr lang="en-GB" sz="1000" dirty="0">
                <a:latin typeface="+mn-lt"/>
              </a:rPr>
              <a:t>the indicated buttons.</a:t>
            </a:r>
          </a:p>
          <a:p>
            <a:r>
              <a:rPr lang="en-GB" sz="1000" dirty="0">
                <a:latin typeface="+mn-lt"/>
              </a:rPr>
              <a:t>(located on the HOME tab)</a:t>
            </a:r>
          </a:p>
        </p:txBody>
      </p:sp>
    </p:spTree>
    <p:extLst>
      <p:ext uri="{BB962C8B-B14F-4D97-AF65-F5344CB8AC3E}">
        <p14:creationId xmlns:p14="http://schemas.microsoft.com/office/powerpoint/2010/main" val="33842376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Style 2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9">
            <a:extLst>
              <a:ext uri="{FF2B5EF4-FFF2-40B4-BE49-F238E27FC236}">
                <a16:creationId xmlns:a16="http://schemas.microsoft.com/office/drawing/2014/main" id="{B391F902-427D-AE47-AB21-70E08B278D6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102000" y="0"/>
            <a:ext cx="6091200" cy="6858000"/>
          </a:xfrm>
          <a:custGeom>
            <a:avLst/>
            <a:gdLst>
              <a:gd name="connsiteX0" fmla="*/ 0 w 6091200"/>
              <a:gd name="connsiteY0" fmla="*/ 0 h 6858000"/>
              <a:gd name="connsiteX1" fmla="*/ 6091200 w 6091200"/>
              <a:gd name="connsiteY1" fmla="*/ 0 h 6858000"/>
              <a:gd name="connsiteX2" fmla="*/ 6091200 w 6091200"/>
              <a:gd name="connsiteY2" fmla="*/ 6858000 h 6858000"/>
              <a:gd name="connsiteX3" fmla="*/ 2286000 w 6091200"/>
              <a:gd name="connsiteY3" fmla="*/ 6858000 h 6858000"/>
              <a:gd name="connsiteX4" fmla="*/ 2286000 w 6091200"/>
              <a:gd name="connsiteY4" fmla="*/ 3429000 h 6858000"/>
              <a:gd name="connsiteX5" fmla="*/ 0 w 6091200"/>
              <a:gd name="connsiteY5" fmla="*/ 3429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91200" h="6858000">
                <a:moveTo>
                  <a:pt x="0" y="0"/>
                </a:moveTo>
                <a:lnTo>
                  <a:pt x="6091200" y="0"/>
                </a:lnTo>
                <a:lnTo>
                  <a:pt x="6091200" y="6858000"/>
                </a:lnTo>
                <a:lnTo>
                  <a:pt x="2286000" y="6858000"/>
                </a:lnTo>
                <a:lnTo>
                  <a:pt x="2286000" y="3429000"/>
                </a:lnTo>
                <a:lnTo>
                  <a:pt x="0" y="3429000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wrap="square" anchor="ctr" anchorCtr="0">
            <a:noAutofit/>
          </a:bodyPr>
          <a:lstStyle>
            <a:lvl1pPr algn="ctr">
              <a:defRPr sz="2000"/>
            </a:lvl1pPr>
          </a:lstStyle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DD5AB6-3BDE-8946-9C08-9BEBB7A271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63357B-3FE8-5841-80A6-42A2944A83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-1947600" y="6285600"/>
            <a:ext cx="720000" cy="288000"/>
          </a:xfrm>
        </p:spPr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7A149394-4D07-864E-9E2A-539CE02EB30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5400000" cy="1881538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 spc="-8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</a:t>
            </a:r>
            <a:br>
              <a:rPr lang="en-US" dirty="0"/>
            </a:br>
            <a:r>
              <a:rPr lang="en-US" dirty="0"/>
              <a:t>edit title </a:t>
            </a:r>
          </a:p>
        </p:txBody>
      </p:sp>
      <p:sp>
        <p:nvSpPr>
          <p:cNvPr id="19" name="Date Placeholder 3">
            <a:extLst>
              <a:ext uri="{FF2B5EF4-FFF2-40B4-BE49-F238E27FC236}">
                <a16:creationId xmlns:a16="http://schemas.microsoft.com/office/drawing/2014/main" id="{0B7F3AF0-22C6-CD4E-B1AD-F64EA21AD56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8800" y="6156000"/>
            <a:ext cx="3600000" cy="432000"/>
          </a:xfrm>
        </p:spPr>
        <p:txBody>
          <a:bodyPr/>
          <a:lstStyle>
            <a:lvl1pPr>
              <a:defRPr sz="2000">
                <a:solidFill>
                  <a:schemeClr val="bg1"/>
                </a:solidFill>
              </a:defRPr>
            </a:lvl1pPr>
          </a:lstStyle>
          <a:p>
            <a:fld id="{A0F5A8E4-A79E-49B5-BDA6-D878340715B9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C7D4C7D-8888-F24A-8D56-9B5233DECD7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0CFEDDD2-D68A-E247-BA34-D7FF7F62186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88800" y="3384000"/>
            <a:ext cx="3600000" cy="10800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400"/>
              </a:lnSpc>
              <a:buNone/>
              <a:defRPr sz="3200">
                <a:solidFill>
                  <a:schemeClr val="bg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subtitle style</a:t>
            </a:r>
          </a:p>
        </p:txBody>
      </p:sp>
    </p:spTree>
    <p:extLst>
      <p:ext uri="{BB962C8B-B14F-4D97-AF65-F5344CB8AC3E}">
        <p14:creationId xmlns:p14="http://schemas.microsoft.com/office/powerpoint/2010/main" val="41980977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No Logo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EE705D-33B1-944B-8CE4-56B5C4C553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3BA5EA-FB73-8444-A40D-D9380E8C45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t>5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D0E20ED-4F03-A049-8598-82956CB897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9B7E5C-1573-9F4E-88D4-81D2D8850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A2E6C500-BE65-7D4D-9151-1D3E24C5AED8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420983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EE705D-33B1-944B-8CE4-56B5C4C553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3BA5EA-FB73-8444-A40D-D9380E8C45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t>5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D0E20ED-4F03-A049-8598-82956CB897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9B7E5C-1573-9F4E-88D4-81D2D8850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3"/>
          </p:nvPr>
        </p:nvSpPr>
        <p:spPr>
          <a:xfrm>
            <a:off x="387625" y="1476000"/>
            <a:ext cx="11412000" cy="4248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247049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11412000" cy="720000"/>
          </a:xfrm>
        </p:spPr>
        <p:txBody>
          <a:bodyPr/>
          <a:lstStyle/>
          <a:p>
            <a:r>
              <a:rPr lang="en-US" dirty="0"/>
              <a:t>Click to edit title sty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</p:spPr>
        <p:txBody>
          <a:bodyPr/>
          <a:lstStyle>
            <a:lvl1pPr>
              <a:spcBef>
                <a:spcPts val="0"/>
              </a:spcBef>
              <a:spcAft>
                <a:spcPts val="1500"/>
              </a:spcAft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D311FF4A-6575-2B4F-8705-5DCE090EE65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255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924450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ue title illustration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DD5AB6-3BDE-8946-9C08-9BEBB7A271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63357B-3FE8-5841-80A6-42A2944A83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-1947600" y="6285600"/>
            <a:ext cx="720000" cy="288000"/>
          </a:xfrm>
        </p:spPr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9" name="Date Placeholder 3">
            <a:extLst>
              <a:ext uri="{FF2B5EF4-FFF2-40B4-BE49-F238E27FC236}">
                <a16:creationId xmlns:a16="http://schemas.microsoft.com/office/drawing/2014/main" id="{0B7F3AF0-22C6-CD4E-B1AD-F64EA21AD56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8800" y="6182127"/>
            <a:ext cx="3600000" cy="432000"/>
          </a:xfrm>
        </p:spPr>
        <p:txBody>
          <a:bodyPr/>
          <a:lstStyle>
            <a:lvl1pPr>
              <a:defRPr sz="2000">
                <a:solidFill>
                  <a:schemeClr val="tx1"/>
                </a:solidFill>
              </a:defRPr>
            </a:lvl1pPr>
          </a:lstStyle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7A149394-4D07-864E-9E2A-539CE02EB30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5400000" cy="1881538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 spc="-80" baseline="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 dirty="0"/>
              <a:t>Click to </a:t>
            </a:r>
            <a:br>
              <a:rPr lang="en-US" dirty="0"/>
            </a:br>
            <a:r>
              <a:rPr lang="en-US" dirty="0"/>
              <a:t>edit title 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0CFEDDD2-D68A-E247-BA34-D7FF7F62186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88800" y="3384000"/>
            <a:ext cx="3600000" cy="10800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400"/>
              </a:lnSpc>
              <a:buNone/>
              <a:defRPr sz="3200">
                <a:solidFill>
                  <a:schemeClr val="tx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subtitle style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504822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+ Image Shap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</p:spPr>
        <p:txBody>
          <a:bodyPr/>
          <a:lstStyle/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1245853F-62A6-DE4A-9506-CFF59CA69A01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469063" y="0"/>
            <a:ext cx="5722937" cy="5724000"/>
          </a:xfrm>
          <a:custGeom>
            <a:avLst/>
            <a:gdLst>
              <a:gd name="connsiteX0" fmla="*/ 0 w 5722937"/>
              <a:gd name="connsiteY0" fmla="*/ 0 h 5724000"/>
              <a:gd name="connsiteX1" fmla="*/ 5722937 w 5722937"/>
              <a:gd name="connsiteY1" fmla="*/ 0 h 5724000"/>
              <a:gd name="connsiteX2" fmla="*/ 5722937 w 5722937"/>
              <a:gd name="connsiteY2" fmla="*/ 5724000 h 5724000"/>
              <a:gd name="connsiteX3" fmla="*/ 953626 w 5722937"/>
              <a:gd name="connsiteY3" fmla="*/ 5724000 h 5724000"/>
              <a:gd name="connsiteX4" fmla="*/ 0 w 5722937"/>
              <a:gd name="connsiteY4" fmla="*/ 4771521 h 5724000"/>
              <a:gd name="connsiteX5" fmla="*/ 0 w 5722937"/>
              <a:gd name="connsiteY5" fmla="*/ 4770459 h 5724000"/>
              <a:gd name="connsiteX6" fmla="*/ 953626 w 5722937"/>
              <a:gd name="connsiteY6" fmla="*/ 4770459 h 5724000"/>
              <a:gd name="connsiteX7" fmla="*/ 0 w 5722937"/>
              <a:gd name="connsiteY7" fmla="*/ 3816605 h 5724000"/>
              <a:gd name="connsiteX8" fmla="*/ 0 w 5722937"/>
              <a:gd name="connsiteY8" fmla="*/ 3815541 h 5724000"/>
              <a:gd name="connsiteX9" fmla="*/ 953626 w 5722937"/>
              <a:gd name="connsiteY9" fmla="*/ 3815541 h 5724000"/>
              <a:gd name="connsiteX10" fmla="*/ 0 w 5722937"/>
              <a:gd name="connsiteY10" fmla="*/ 2861688 h 5724000"/>
              <a:gd name="connsiteX11" fmla="*/ 0 w 5722937"/>
              <a:gd name="connsiteY11" fmla="*/ 2860624 h 5724000"/>
              <a:gd name="connsiteX12" fmla="*/ 953626 w 5722937"/>
              <a:gd name="connsiteY12" fmla="*/ 2860624 h 5724000"/>
              <a:gd name="connsiteX13" fmla="*/ 0 w 5722937"/>
              <a:gd name="connsiteY13" fmla="*/ 1909519 h 5724000"/>
              <a:gd name="connsiteX14" fmla="*/ 0 w 5722937"/>
              <a:gd name="connsiteY14" fmla="*/ 1908459 h 5724000"/>
              <a:gd name="connsiteX15" fmla="*/ 953626 w 5722937"/>
              <a:gd name="connsiteY15" fmla="*/ 1908459 h 5724000"/>
              <a:gd name="connsiteX16" fmla="*/ 0 w 5722937"/>
              <a:gd name="connsiteY16" fmla="*/ 954605 h 5724000"/>
              <a:gd name="connsiteX17" fmla="*/ 0 w 5722937"/>
              <a:gd name="connsiteY17" fmla="*/ 953542 h 5724000"/>
              <a:gd name="connsiteX18" fmla="*/ 953626 w 5722937"/>
              <a:gd name="connsiteY18" fmla="*/ 953542 h 5724000"/>
              <a:gd name="connsiteX19" fmla="*/ 0 w 5722937"/>
              <a:gd name="connsiteY19" fmla="*/ 1062 h 572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</a:cxnLst>
            <a:rect l="l" t="t" r="r" b="b"/>
            <a:pathLst>
              <a:path w="5722937" h="5724000">
                <a:moveTo>
                  <a:pt x="0" y="0"/>
                </a:moveTo>
                <a:lnTo>
                  <a:pt x="5722937" y="0"/>
                </a:lnTo>
                <a:lnTo>
                  <a:pt x="5722937" y="5724000"/>
                </a:lnTo>
                <a:lnTo>
                  <a:pt x="953626" y="5724000"/>
                </a:lnTo>
                <a:lnTo>
                  <a:pt x="0" y="4771521"/>
                </a:lnTo>
                <a:lnTo>
                  <a:pt x="0" y="4770459"/>
                </a:lnTo>
                <a:lnTo>
                  <a:pt x="953626" y="4770459"/>
                </a:lnTo>
                <a:lnTo>
                  <a:pt x="0" y="3816605"/>
                </a:lnTo>
                <a:lnTo>
                  <a:pt x="0" y="3815541"/>
                </a:lnTo>
                <a:lnTo>
                  <a:pt x="953626" y="3815541"/>
                </a:lnTo>
                <a:lnTo>
                  <a:pt x="0" y="2861688"/>
                </a:lnTo>
                <a:lnTo>
                  <a:pt x="0" y="2860624"/>
                </a:lnTo>
                <a:lnTo>
                  <a:pt x="953626" y="2860624"/>
                </a:lnTo>
                <a:lnTo>
                  <a:pt x="0" y="1909519"/>
                </a:lnTo>
                <a:lnTo>
                  <a:pt x="0" y="1908459"/>
                </a:lnTo>
                <a:lnTo>
                  <a:pt x="953626" y="1908459"/>
                </a:lnTo>
                <a:lnTo>
                  <a:pt x="0" y="954605"/>
                </a:lnTo>
                <a:lnTo>
                  <a:pt x="0" y="953542"/>
                </a:lnTo>
                <a:lnTo>
                  <a:pt x="953626" y="953542"/>
                </a:lnTo>
                <a:lnTo>
                  <a:pt x="0" y="1062"/>
                </a:lnTo>
                <a:close/>
              </a:path>
            </a:pathLst>
          </a:custGeom>
          <a:solidFill>
            <a:schemeClr val="bg2">
              <a:alpha val="47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101546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Figures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11412000" cy="720000"/>
          </a:xfrm>
        </p:spPr>
        <p:txBody>
          <a:bodyPr/>
          <a:lstStyle/>
          <a:p>
            <a:r>
              <a:rPr lang="en-US" dirty="0"/>
              <a:t>Click to edit title sty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D311FF4A-6575-2B4F-8705-5DCE090EE65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255625" y="1476000"/>
            <a:ext cx="5544000" cy="4248000"/>
          </a:xfrm>
        </p:spPr>
        <p:txBody>
          <a:bodyPr tIns="18000"/>
          <a:lstStyle>
            <a:lvl1pPr marL="0" marR="0" indent="0" algn="l" defTabSz="914400" rtl="0" eaLnBrk="1" fontAlgn="auto" latinLnBrk="0" hangingPunct="1">
              <a:lnSpc>
                <a:spcPts val="3000"/>
              </a:lnSpc>
              <a:spcBef>
                <a:spcPts val="0"/>
              </a:spcBef>
              <a:spcAft>
                <a:spcPts val="2400"/>
              </a:spcAft>
              <a:buClrTx/>
              <a:buSzTx/>
              <a:buFont typeface="Arial" panose="020B0604020202020204" pitchFamily="34" charset="0"/>
              <a:buNone/>
              <a:tabLst/>
              <a:defRPr sz="2800">
                <a:solidFill>
                  <a:schemeClr val="accent1"/>
                </a:solidFill>
              </a:defRPr>
            </a:lvl1pPr>
            <a:lvl2pPr>
              <a:defRPr>
                <a:solidFill>
                  <a:schemeClr val="accent6"/>
                </a:solidFill>
              </a:defRPr>
            </a:lvl2pPr>
            <a:lvl3pPr>
              <a:defRPr>
                <a:solidFill>
                  <a:schemeClr val="accent6"/>
                </a:solidFill>
              </a:defRPr>
            </a:lvl3pPr>
            <a:lvl4pPr>
              <a:defRPr>
                <a:solidFill>
                  <a:schemeClr val="accent6"/>
                </a:solidFill>
              </a:defRPr>
            </a:lvl4pPr>
            <a:lvl5pPr>
              <a:defRPr>
                <a:solidFill>
                  <a:schemeClr val="accent6"/>
                </a:solidFill>
              </a:defRPr>
            </a:lvl5pPr>
          </a:lstStyle>
          <a:p>
            <a:pPr marL="0" marR="0" lvl="0" indent="0" algn="l" defTabSz="914400" rtl="0" eaLnBrk="1" fontAlgn="auto" latinLnBrk="0" hangingPunct="1">
              <a:lnSpc>
                <a:spcPts val="2800"/>
              </a:lnSpc>
              <a:spcBef>
                <a:spcPts val="0"/>
              </a:spcBef>
              <a:spcAft>
                <a:spcPts val="18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1901074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Grey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11412000" cy="720000"/>
          </a:xfrm>
        </p:spPr>
        <p:txBody>
          <a:bodyPr/>
          <a:lstStyle/>
          <a:p>
            <a:r>
              <a:rPr lang="en-US" dirty="0"/>
              <a:t>Click to edit title sty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D311FF4A-6575-2B4F-8705-5DCE090EE65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255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734843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Grey 1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</p:spPr>
        <p:txBody>
          <a:bodyPr/>
          <a:lstStyle/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8A13BF72-E5E4-1F43-822B-E2FA7CDCED52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270000" y="0"/>
            <a:ext cx="5922000" cy="5927502"/>
          </a:xfrm>
          <a:custGeom>
            <a:avLst/>
            <a:gdLst>
              <a:gd name="connsiteX0" fmla="*/ 2961000 w 5922000"/>
              <a:gd name="connsiteY0" fmla="*/ 0 h 5927502"/>
              <a:gd name="connsiteX1" fmla="*/ 5922000 w 5922000"/>
              <a:gd name="connsiteY1" fmla="*/ 2963751 h 5927502"/>
              <a:gd name="connsiteX2" fmla="*/ 5922000 w 5922000"/>
              <a:gd name="connsiteY2" fmla="*/ 4940115 h 5927502"/>
              <a:gd name="connsiteX3" fmla="*/ 2961000 w 5922000"/>
              <a:gd name="connsiteY3" fmla="*/ 4940115 h 5927502"/>
              <a:gd name="connsiteX4" fmla="*/ 2961000 w 5922000"/>
              <a:gd name="connsiteY4" fmla="*/ 2963751 h 5927502"/>
              <a:gd name="connsiteX5" fmla="*/ 1974530 w 5922000"/>
              <a:gd name="connsiteY5" fmla="*/ 2963751 h 5927502"/>
              <a:gd name="connsiteX6" fmla="*/ 1974530 w 5922000"/>
              <a:gd name="connsiteY6" fmla="*/ 4940115 h 5927502"/>
              <a:gd name="connsiteX7" fmla="*/ 1974530 w 5922000"/>
              <a:gd name="connsiteY7" fmla="*/ 5927502 h 5927502"/>
              <a:gd name="connsiteX8" fmla="*/ 0 w 5922000"/>
              <a:gd name="connsiteY8" fmla="*/ 5927502 h 5927502"/>
              <a:gd name="connsiteX9" fmla="*/ 0 w 5922000"/>
              <a:gd name="connsiteY9" fmla="*/ 2963751 h 5927502"/>
              <a:gd name="connsiteX10" fmla="*/ 2961000 w 5922000"/>
              <a:gd name="connsiteY10" fmla="*/ 0 h 592750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</a:cxnLst>
            <a:rect l="l" t="t" r="r" b="b"/>
            <a:pathLst>
              <a:path w="5922000" h="5927502">
                <a:moveTo>
                  <a:pt x="2961000" y="0"/>
                </a:moveTo>
                <a:cubicBezTo>
                  <a:pt x="4595586" y="0"/>
                  <a:pt x="5922000" y="1327646"/>
                  <a:pt x="5922000" y="2963751"/>
                </a:cubicBezTo>
                <a:lnTo>
                  <a:pt x="5922000" y="4940115"/>
                </a:lnTo>
                <a:cubicBezTo>
                  <a:pt x="5922000" y="4940115"/>
                  <a:pt x="5922000" y="4940115"/>
                  <a:pt x="2961000" y="4940115"/>
                </a:cubicBezTo>
                <a:cubicBezTo>
                  <a:pt x="2961000" y="4940115"/>
                  <a:pt x="2961000" y="4940115"/>
                  <a:pt x="2961000" y="2963751"/>
                </a:cubicBezTo>
                <a:cubicBezTo>
                  <a:pt x="2961000" y="2963751"/>
                  <a:pt x="2961000" y="2963751"/>
                  <a:pt x="1974530" y="2963751"/>
                </a:cubicBezTo>
                <a:cubicBezTo>
                  <a:pt x="1974530" y="2963751"/>
                  <a:pt x="1974530" y="2963751"/>
                  <a:pt x="1974530" y="4940115"/>
                </a:cubicBezTo>
                <a:lnTo>
                  <a:pt x="1974530" y="5927502"/>
                </a:lnTo>
                <a:lnTo>
                  <a:pt x="0" y="5927502"/>
                </a:lnTo>
                <a:lnTo>
                  <a:pt x="0" y="2963751"/>
                </a:lnTo>
                <a:cubicBezTo>
                  <a:pt x="0" y="1327646"/>
                  <a:pt x="1324825" y="0"/>
                  <a:pt x="2961000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602025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Grey 2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</p:spPr>
        <p:txBody>
          <a:bodyPr/>
          <a:lstStyle/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1" name="Picture Placeholder 12">
            <a:extLst>
              <a:ext uri="{FF2B5EF4-FFF2-40B4-BE49-F238E27FC236}">
                <a16:creationId xmlns:a16="http://schemas.microsoft.com/office/drawing/2014/main" id="{ABFFE6FA-CCB2-E944-AE78-BE364F701249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143626" y="0"/>
            <a:ext cx="6048375" cy="6063798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267918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wo Content Multicolou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AEC5D76C-ED68-064B-A7A9-C9CDFF56C986}"/>
              </a:ext>
            </a:extLst>
          </p:cNvPr>
          <p:cNvSpPr/>
          <p:nvPr userDrawn="1"/>
        </p:nvSpPr>
        <p:spPr>
          <a:xfrm>
            <a:off x="6108001" y="0"/>
            <a:ext cx="6083999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</p:spPr>
        <p:txBody>
          <a:bodyPr/>
          <a:lstStyle>
            <a:lvl1pPr>
              <a:lnSpc>
                <a:spcPct val="90000"/>
              </a:lnSpc>
              <a:defRPr/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604AF51F-FB00-E846-AA12-12BD9665EC05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5" y="1476000"/>
            <a:ext cx="5544000" cy="424815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5BDFD5DA-5D4B-7D46-A2DE-B3296588BC41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256075" y="1476000"/>
            <a:ext cx="5543550" cy="424815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95A022EB-FA1E-DE4C-95B5-3863E488B3CB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56075" y="331200"/>
            <a:ext cx="5544000" cy="720000"/>
          </a:xfrm>
        </p:spPr>
        <p:txBody>
          <a:bodyPr/>
          <a:lstStyle>
            <a:lvl1pPr>
              <a:lnSpc>
                <a:spcPct val="90000"/>
              </a:lnSpc>
              <a:defRPr sz="50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lick to edit title</a:t>
            </a:r>
          </a:p>
        </p:txBody>
      </p:sp>
      <p:sp>
        <p:nvSpPr>
          <p:cNvPr id="15" name="Freeform 5">
            <a:extLst>
              <a:ext uri="{FF2B5EF4-FFF2-40B4-BE49-F238E27FC236}">
                <a16:creationId xmlns:a16="http://schemas.microsoft.com/office/drawing/2014/main" id="{041B81D9-D63C-3A45-B5D1-F0E0F712AC19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248958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EE705D-33B1-944B-8CE4-56B5C4C553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3BA5EA-FB73-8444-A40D-D9380E8C45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284BDBE-C5D7-4CC6-B7FA-EF9DCAC61609}" type="datetime1">
              <a:rPr lang="en-US" smtClean="0"/>
              <a:t>5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D0E20ED-4F03-A049-8598-82956CB897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9B7E5C-1573-9F4E-88D4-81D2D8850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8A183D33-F157-7142-B2D3-D4E025F8371E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185453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5A62BB11-9EFF-F645-BCB6-C22776E9D0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32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0703C04-8D45-924B-BC45-6A7109C11F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EDF0389-2F78-6941-81DE-B9CAA34DCB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42C897D-5B61-914B-8ED5-263B924C2D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46A7E639-1729-EF45-A48C-17927EC5B25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800" y="331201"/>
            <a:ext cx="10440000" cy="3096000"/>
          </a:xfrm>
        </p:spPr>
        <p:txBody>
          <a:bodyPr/>
          <a:lstStyle>
            <a:lvl1pPr>
              <a:lnSpc>
                <a:spcPts val="5500"/>
              </a:lnSpc>
              <a:spcAft>
                <a:spcPts val="2400"/>
              </a:spcAft>
              <a:defRPr sz="5000" spc="-50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787528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>
    <p:ext uri="{DCECCB84-F9BA-43D5-87BE-67443E8EF086}">
      <p15:sldGuideLst xmlns:p15="http://schemas.microsoft.com/office/powerpoint/2012/main">
        <p15:guide id="1" pos="6825">
          <p15:clr>
            <a:srgbClr val="F26B43"/>
          </p15:clr>
        </p15:guide>
      </p15:sldGuideLst>
    </p:ext>
  </p:extLst>
</p:sldLayout>
</file>

<file path=ppt/slideLayouts/slideLayout1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Fig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BC65874E-B7B2-864B-97BA-3B61A51574FB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143626" y="0"/>
            <a:ext cx="6048375" cy="6063798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0E1B9C-4020-8D40-8114-6D2077D17E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t>5/1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5F6BFB6-8E76-E74C-8B47-4AA68D18E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1EDAD2-3870-D94F-A3B0-6B52A88720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0700E41C-0494-6441-8E0D-BE244BFA449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59999" y="1008000"/>
            <a:ext cx="4348937" cy="1980000"/>
          </a:xfrm>
        </p:spPr>
        <p:txBody>
          <a:bodyPr anchor="t" anchorCtr="0"/>
          <a:lstStyle>
            <a:lvl1pPr>
              <a:lnSpc>
                <a:spcPct val="100000"/>
              </a:lnSpc>
              <a:defRPr sz="14000" b="0" i="0" spc="-150" baseline="0">
                <a:solidFill>
                  <a:schemeClr val="accent1"/>
                </a:solidFill>
                <a:latin typeface="Aktiv Grotesk Thin" panose="020B0404020202020204" pitchFamily="34" charset="0"/>
                <a:cs typeface="Aktiv Grotesk Thin" panose="020B0404020202020204" pitchFamily="34" charset="0"/>
              </a:defRPr>
            </a:lvl1pPr>
          </a:lstStyle>
          <a:p>
            <a:pPr lvl="0"/>
            <a:r>
              <a:rPr lang="en-US" dirty="0"/>
              <a:t>00%</a:t>
            </a:r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58B65A77-B204-F543-AF6D-4E63C03889B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937" y="2987999"/>
            <a:ext cx="4320000" cy="2736000"/>
          </a:xfrm>
        </p:spPr>
        <p:txBody>
          <a:bodyPr/>
          <a:lstStyle>
            <a:lvl1pPr>
              <a:lnSpc>
                <a:spcPts val="3400"/>
              </a:lnSpc>
              <a:spcAft>
                <a:spcPts val="1200"/>
              </a:spcAft>
              <a:defRPr sz="3000">
                <a:solidFill>
                  <a:schemeClr val="accent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3829963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4256A8C-F631-5048-933E-36BB2B7193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5ABC13E-3AAB-A84C-BD3A-6009A004F8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0E142A4-736B-DF4E-A72E-E936C45320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Media Placeholder 6">
            <a:extLst>
              <a:ext uri="{FF2B5EF4-FFF2-40B4-BE49-F238E27FC236}">
                <a16:creationId xmlns:a16="http://schemas.microsoft.com/office/drawing/2014/main" id="{38A3C210-3C6C-BB4E-AB18-520DA31DFF9D}"/>
              </a:ext>
            </a:extLst>
          </p:cNvPr>
          <p:cNvSpPr>
            <a:spLocks noGrp="1"/>
          </p:cNvSpPr>
          <p:nvPr>
            <p:ph type="media" sz="quarter" idx="13"/>
          </p:nvPr>
        </p:nvSpPr>
        <p:spPr>
          <a:xfrm>
            <a:off x="0" y="0"/>
            <a:ext cx="12192000" cy="6858000"/>
          </a:xfrm>
        </p:spPr>
        <p:txBody>
          <a:bodyPr anchor="ctr" anchorCtr="0"/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media</a:t>
            </a:r>
            <a:endParaRPr lang="en-GB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715313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ue Title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9">
            <a:extLst>
              <a:ext uri="{FF2B5EF4-FFF2-40B4-BE49-F238E27FC236}">
                <a16:creationId xmlns:a16="http://schemas.microsoft.com/office/drawing/2014/main" id="{C2AE6FC5-3C68-EA4E-9993-6A6F5A9DADC2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32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380999" y="6250764"/>
            <a:ext cx="3145971" cy="288000"/>
          </a:xfrm>
        </p:spPr>
        <p:txBody>
          <a:bodyPr/>
          <a:lstStyle>
            <a:lvl1pPr>
              <a:defRPr sz="2000"/>
            </a:lvl1pPr>
          </a:lstStyle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7A149394-4D07-864E-9E2A-539CE02EB30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5400000" cy="1881538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 spc="-80" baseline="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 dirty="0"/>
              <a:t>Click to </a:t>
            </a:r>
            <a:br>
              <a:rPr lang="en-US" dirty="0"/>
            </a:br>
            <a:r>
              <a:rPr lang="en-US" dirty="0"/>
              <a:t>edit title </a:t>
            </a:r>
          </a:p>
        </p:txBody>
      </p:sp>
      <p:sp>
        <p:nvSpPr>
          <p:cNvPr id="7" name="Subtitle 2">
            <a:extLst>
              <a:ext uri="{FF2B5EF4-FFF2-40B4-BE49-F238E27FC236}">
                <a16:creationId xmlns:a16="http://schemas.microsoft.com/office/drawing/2014/main" id="{0CFEDDD2-D68A-E247-BA34-D7FF7F62186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88800" y="3384000"/>
            <a:ext cx="3600000" cy="10800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400"/>
              </a:lnSpc>
              <a:buNone/>
              <a:defRPr sz="3200">
                <a:solidFill>
                  <a:schemeClr val="accent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subtitle style</a:t>
            </a:r>
          </a:p>
        </p:txBody>
      </p:sp>
      <p:sp>
        <p:nvSpPr>
          <p:cNvPr id="12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917035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3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30C526-47DC-3B45-BDB4-3CBB68F7E6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8E15B81-5BF2-6D47-B422-14E4A7A3C7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t>5/1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232541C-BDB6-9B41-BD0A-BEE336E531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EA3E96B-CBB6-3C49-A743-98A233E35B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828791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3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0E1B9C-4020-8D40-8114-6D2077D17E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t>5/1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5F6BFB6-8E76-E74C-8B47-4AA68D18E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1EDAD2-3870-D94F-A3B0-6B52A88720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792344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36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267" y="260648"/>
            <a:ext cx="11084288" cy="576064"/>
          </a:xfrm>
          <a:solidFill>
            <a:schemeClr val="bg1">
              <a:lumMod val="95000"/>
            </a:schemeClr>
          </a:solidFill>
        </p:spPr>
        <p:txBody>
          <a:bodyPr/>
          <a:lstStyle>
            <a:lvl1pPr>
              <a:defRPr sz="320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66324" y="1700808"/>
            <a:ext cx="11194305" cy="3455988"/>
          </a:xfrm>
        </p:spPr>
        <p:txBody>
          <a:bodyPr/>
          <a:lstStyle>
            <a:lvl1pPr>
              <a:defRPr sz="2200"/>
            </a:lvl1pPr>
            <a:lvl2pPr>
              <a:defRPr sz="18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533885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3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ver Style 2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DD5AB6-3BDE-8946-9C08-9BEBB7A271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63357B-3FE8-5841-80A6-42A2944A83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-1947600" y="6285600"/>
            <a:ext cx="720000" cy="288000"/>
          </a:xfrm>
        </p:spPr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7A149394-4D07-864E-9E2A-539CE02EB30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5400000" cy="1881538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 spc="-8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</a:t>
            </a:r>
            <a:br>
              <a:rPr lang="en-US" dirty="0"/>
            </a:br>
            <a:r>
              <a:rPr lang="en-US" dirty="0"/>
              <a:t>edit title </a:t>
            </a:r>
          </a:p>
        </p:txBody>
      </p:sp>
      <p:sp>
        <p:nvSpPr>
          <p:cNvPr id="19" name="Date Placeholder 3">
            <a:extLst>
              <a:ext uri="{FF2B5EF4-FFF2-40B4-BE49-F238E27FC236}">
                <a16:creationId xmlns:a16="http://schemas.microsoft.com/office/drawing/2014/main" id="{0B7F3AF0-22C6-CD4E-B1AD-F64EA21AD56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8800" y="6156000"/>
            <a:ext cx="3600000" cy="432000"/>
          </a:xfrm>
        </p:spPr>
        <p:txBody>
          <a:bodyPr/>
          <a:lstStyle>
            <a:lvl1pPr>
              <a:defRPr sz="2000">
                <a:solidFill>
                  <a:schemeClr val="bg1"/>
                </a:solidFill>
              </a:defRPr>
            </a:lvl1pPr>
          </a:lstStyle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C7D4C7D-8888-F24A-8D56-9B5233DECD7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0CFEDDD2-D68A-E247-BA34-D7FF7F62186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88800" y="3384000"/>
            <a:ext cx="3600000" cy="10800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400"/>
              </a:lnSpc>
              <a:buNone/>
              <a:defRPr sz="3200">
                <a:solidFill>
                  <a:schemeClr val="bg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subtitle style</a:t>
            </a:r>
          </a:p>
        </p:txBody>
      </p:sp>
    </p:spTree>
    <p:extLst>
      <p:ext uri="{BB962C8B-B14F-4D97-AF65-F5344CB8AC3E}">
        <p14:creationId xmlns:p14="http://schemas.microsoft.com/office/powerpoint/2010/main" val="23089455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3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1122364"/>
            <a:ext cx="103632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98" indent="0" algn="ctr">
              <a:buNone/>
              <a:defRPr sz="2000"/>
            </a:lvl2pPr>
            <a:lvl3pPr marL="914396" indent="0" algn="ctr">
              <a:buNone/>
              <a:defRPr sz="1800"/>
            </a:lvl3pPr>
            <a:lvl4pPr marL="1371595" indent="0" algn="ctr">
              <a:buNone/>
              <a:defRPr sz="1600"/>
            </a:lvl4pPr>
            <a:lvl5pPr marL="1828793" indent="0" algn="ctr">
              <a:buNone/>
              <a:defRPr sz="1600"/>
            </a:lvl5pPr>
            <a:lvl6pPr marL="2285991" indent="0" algn="ctr">
              <a:buNone/>
              <a:defRPr sz="1600"/>
            </a:lvl6pPr>
            <a:lvl7pPr marL="2743189" indent="0" algn="ctr">
              <a:buNone/>
              <a:defRPr sz="1600"/>
            </a:lvl7pPr>
            <a:lvl8pPr marL="3200388" indent="0" algn="ctr">
              <a:buNone/>
              <a:defRPr sz="1600"/>
            </a:lvl8pPr>
            <a:lvl9pPr marL="3657586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1150A72-5BF2-4D4B-9D26-EE5224E8FF01}" type="datetimeFigureOut">
              <a:rPr lang="en-US" smtClean="0"/>
              <a:t>5/18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C098B19-91A9-49B3-87E7-4BB35A01D5F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42700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 title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C2AE6FC5-3C68-EA4E-9993-6A6F5A9DADC2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32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8392E2A5-0A94-224E-8A8B-B758F5D4968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7200000" cy="18720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 spc="-8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</a:t>
            </a:r>
            <a:br>
              <a:rPr lang="en-US" dirty="0"/>
            </a:br>
            <a:r>
              <a:rPr lang="en-US" dirty="0"/>
              <a:t>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CFEDDD2-D68A-E247-BA34-D7FF7F62186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88800" y="3384000"/>
            <a:ext cx="3600000" cy="10800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400"/>
              </a:lnSpc>
              <a:buNone/>
              <a:defRPr sz="3200">
                <a:solidFill>
                  <a:schemeClr val="bg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F7F29FA-07B2-9246-BD54-54AEE122F8A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8800" y="6182127"/>
            <a:ext cx="3600000" cy="432000"/>
          </a:xfrm>
        </p:spPr>
        <p:txBody>
          <a:bodyPr/>
          <a:lstStyle>
            <a:lvl1pPr>
              <a:defRPr sz="2000">
                <a:solidFill>
                  <a:schemeClr val="bg1"/>
                </a:solidFill>
              </a:defRPr>
            </a:lvl1pPr>
          </a:lstStyle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DD5AB6-3BDE-8946-9C08-9BEBB7A271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63357B-3FE8-5841-80A6-42A2944A83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-1947600" y="6285600"/>
            <a:ext cx="720000" cy="288000"/>
          </a:xfrm>
        </p:spPr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418187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ank You 2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  <a:noFill/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A406EE-F717-4CC0-A4EB-BB0053FC7BA8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A2E6C500-BE65-7D4D-9151-1D3E24C5AED8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  <a:noFill/>
        </p:spPr>
        <p:txBody>
          <a:bodyPr/>
          <a:lstStyle>
            <a:lvl1pPr>
              <a:lnSpc>
                <a:spcPts val="3400"/>
              </a:lnSpc>
              <a:spcBef>
                <a:spcPts val="600"/>
              </a:spcBef>
              <a:spcAft>
                <a:spcPts val="600"/>
              </a:spcAft>
              <a:defRPr sz="3000">
                <a:solidFill>
                  <a:schemeClr val="bg1"/>
                </a:solidFill>
                <a:latin typeface="+mn-lt"/>
              </a:defRPr>
            </a:lvl1pPr>
            <a:lvl2pPr marL="216000" indent="-216000">
              <a:lnSpc>
                <a:spcPts val="3400"/>
              </a:lnSpc>
              <a:spcAft>
                <a:spcPts val="1200"/>
              </a:spcAft>
              <a:defRPr sz="3000">
                <a:solidFill>
                  <a:schemeClr val="bg1"/>
                </a:solidFill>
              </a:defRPr>
            </a:lvl2pPr>
            <a:lvl3pPr marL="57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bg1"/>
                </a:solidFill>
              </a:defRPr>
            </a:lvl3pPr>
            <a:lvl4pPr marL="129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bg1"/>
                </a:solidFill>
              </a:defRPr>
            </a:lvl4pPr>
            <a:lvl5pPr marL="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0" name="Picture Placeholder 8">
            <a:extLst>
              <a:ext uri="{FF2B5EF4-FFF2-40B4-BE49-F238E27FC236}">
                <a16:creationId xmlns:a16="http://schemas.microsoft.com/office/drawing/2014/main" id="{DBA1A7DB-C9F4-CF46-A300-1E25FFA0C866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943200" y="0"/>
            <a:ext cx="5248800" cy="5249688"/>
          </a:xfrm>
          <a:custGeom>
            <a:avLst/>
            <a:gdLst>
              <a:gd name="connsiteX0" fmla="*/ 0 w 5248800"/>
              <a:gd name="connsiteY0" fmla="*/ 0 h 5249688"/>
              <a:gd name="connsiteX1" fmla="*/ 5248800 w 5248800"/>
              <a:gd name="connsiteY1" fmla="*/ 0 h 5249688"/>
              <a:gd name="connsiteX2" fmla="*/ 5248800 w 5248800"/>
              <a:gd name="connsiteY2" fmla="*/ 4375266 h 5249688"/>
              <a:gd name="connsiteX3" fmla="*/ 4372800 w 5248800"/>
              <a:gd name="connsiteY3" fmla="*/ 5249688 h 5249688"/>
              <a:gd name="connsiteX4" fmla="*/ 4372800 w 5248800"/>
              <a:gd name="connsiteY4" fmla="*/ 4375266 h 5249688"/>
              <a:gd name="connsiteX5" fmla="*/ 3496800 w 5248800"/>
              <a:gd name="connsiteY5" fmla="*/ 5249688 h 5249688"/>
              <a:gd name="connsiteX6" fmla="*/ 3496800 w 5248800"/>
              <a:gd name="connsiteY6" fmla="*/ 4375266 h 5249688"/>
              <a:gd name="connsiteX7" fmla="*/ 2620800 w 5248800"/>
              <a:gd name="connsiteY7" fmla="*/ 5249688 h 5249688"/>
              <a:gd name="connsiteX8" fmla="*/ 2620800 w 5248800"/>
              <a:gd name="connsiteY8" fmla="*/ 4375266 h 5249688"/>
              <a:gd name="connsiteX9" fmla="*/ 1744800 w 5248800"/>
              <a:gd name="connsiteY9" fmla="*/ 5249688 h 5249688"/>
              <a:gd name="connsiteX10" fmla="*/ 1744800 w 5248800"/>
              <a:gd name="connsiteY10" fmla="*/ 4375266 h 5249688"/>
              <a:gd name="connsiteX11" fmla="*/ 868800 w 5248800"/>
              <a:gd name="connsiteY11" fmla="*/ 5249688 h 5249688"/>
              <a:gd name="connsiteX12" fmla="*/ 868800 w 5248800"/>
              <a:gd name="connsiteY12" fmla="*/ 4375266 h 5249688"/>
              <a:gd name="connsiteX13" fmla="*/ 0 w 5248800"/>
              <a:gd name="connsiteY13" fmla="*/ 5242501 h 52496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5248800" h="5249688">
                <a:moveTo>
                  <a:pt x="0" y="0"/>
                </a:moveTo>
                <a:lnTo>
                  <a:pt x="5248800" y="0"/>
                </a:lnTo>
                <a:lnTo>
                  <a:pt x="5248800" y="4375266"/>
                </a:lnTo>
                <a:lnTo>
                  <a:pt x="4372800" y="5249688"/>
                </a:lnTo>
                <a:lnTo>
                  <a:pt x="4372800" y="4375266"/>
                </a:lnTo>
                <a:lnTo>
                  <a:pt x="3496800" y="5249688"/>
                </a:lnTo>
                <a:lnTo>
                  <a:pt x="3496800" y="4375266"/>
                </a:lnTo>
                <a:lnTo>
                  <a:pt x="2620800" y="5249688"/>
                </a:lnTo>
                <a:lnTo>
                  <a:pt x="2620800" y="4375266"/>
                </a:lnTo>
                <a:lnTo>
                  <a:pt x="1744800" y="5249688"/>
                </a:lnTo>
                <a:lnTo>
                  <a:pt x="1744800" y="4375266"/>
                </a:lnTo>
                <a:lnTo>
                  <a:pt x="868800" y="5249688"/>
                </a:lnTo>
                <a:lnTo>
                  <a:pt x="868800" y="4375266"/>
                </a:lnTo>
                <a:lnTo>
                  <a:pt x="0" y="5242501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defRPr sz="20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404616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Style 2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DD5AB6-3BDE-8946-9C08-9BEBB7A271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63357B-3FE8-5841-80A6-42A2944A83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-1947600" y="6285600"/>
            <a:ext cx="720000" cy="288000"/>
          </a:xfrm>
        </p:spPr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7A149394-4D07-864E-9E2A-539CE02EB30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5400000" cy="1881538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 spc="-8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</a:t>
            </a:r>
            <a:br>
              <a:rPr lang="en-US" dirty="0"/>
            </a:br>
            <a:r>
              <a:rPr lang="en-US" dirty="0"/>
              <a:t>edit title </a:t>
            </a:r>
          </a:p>
        </p:txBody>
      </p:sp>
      <p:sp>
        <p:nvSpPr>
          <p:cNvPr id="19" name="Date Placeholder 3">
            <a:extLst>
              <a:ext uri="{FF2B5EF4-FFF2-40B4-BE49-F238E27FC236}">
                <a16:creationId xmlns:a16="http://schemas.microsoft.com/office/drawing/2014/main" id="{0B7F3AF0-22C6-CD4E-B1AD-F64EA21AD56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8800" y="6156000"/>
            <a:ext cx="3600000" cy="432000"/>
          </a:xfrm>
        </p:spPr>
        <p:txBody>
          <a:bodyPr/>
          <a:lstStyle>
            <a:lvl1pPr>
              <a:defRPr sz="2000">
                <a:solidFill>
                  <a:schemeClr val="bg1"/>
                </a:solidFill>
              </a:defRPr>
            </a:lvl1pPr>
          </a:lstStyle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C7D4C7D-8888-F24A-8D56-9B5233DECD7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0CFEDDD2-D68A-E247-BA34-D7FF7F62186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88800" y="3384000"/>
            <a:ext cx="3600000" cy="10800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400"/>
              </a:lnSpc>
              <a:buNone/>
              <a:defRPr sz="3200">
                <a:solidFill>
                  <a:schemeClr val="bg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subtitle style</a:t>
            </a:r>
          </a:p>
        </p:txBody>
      </p:sp>
    </p:spTree>
    <p:extLst>
      <p:ext uri="{BB962C8B-B14F-4D97-AF65-F5344CB8AC3E}">
        <p14:creationId xmlns:p14="http://schemas.microsoft.com/office/powerpoint/2010/main" val="9682232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EE705D-33B1-944B-8CE4-56B5C4C553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3BA5EA-FB73-8444-A40D-D9380E8C45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t>5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D0E20ED-4F03-A049-8598-82956CB897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9B7E5C-1573-9F4E-88D4-81D2D8850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8A183D33-F157-7142-B2D3-D4E025F8371E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841506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No Logo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EE705D-33B1-944B-8CE4-56B5C4C553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3BA5EA-FB73-8444-A40D-D9380E8C45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t>5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D0E20ED-4F03-A049-8598-82956CB897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9B7E5C-1573-9F4E-88D4-81D2D8850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8A183D33-F157-7142-B2D3-D4E025F8371E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151952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ank You 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  <a:noFill/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  <a:noFill/>
        </p:spPr>
        <p:txBody>
          <a:bodyPr/>
          <a:lstStyle>
            <a:lvl1pPr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bg1"/>
                </a:solidFill>
                <a:latin typeface="+mn-lt"/>
              </a:defRPr>
            </a:lvl1pPr>
            <a:lvl2pPr marL="216000" indent="-216000">
              <a:lnSpc>
                <a:spcPts val="3400"/>
              </a:lnSpc>
              <a:spcAft>
                <a:spcPts val="1200"/>
              </a:spcAft>
              <a:defRPr sz="3000">
                <a:solidFill>
                  <a:schemeClr val="bg1"/>
                </a:solidFill>
              </a:defRPr>
            </a:lvl2pPr>
            <a:lvl3pPr marL="57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bg1"/>
                </a:solidFill>
              </a:defRPr>
            </a:lvl3pPr>
            <a:lvl4pPr marL="129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bg1"/>
                </a:solidFill>
              </a:defRPr>
            </a:lvl4pPr>
            <a:lvl5pPr marL="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A2E6C500-BE65-7D4D-9151-1D3E24C5AED8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72E1410B-FD8A-F54E-8DB6-2A0E55511580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936000" y="0"/>
            <a:ext cx="5256000" cy="5256000"/>
          </a:xfrm>
          <a:custGeom>
            <a:avLst/>
            <a:gdLst>
              <a:gd name="connsiteX0" fmla="*/ 0 w 5256000"/>
              <a:gd name="connsiteY0" fmla="*/ 0 h 5256000"/>
              <a:gd name="connsiteX1" fmla="*/ 4380230 w 5256000"/>
              <a:gd name="connsiteY1" fmla="*/ 0 h 5256000"/>
              <a:gd name="connsiteX2" fmla="*/ 5256000 w 5256000"/>
              <a:gd name="connsiteY2" fmla="*/ 876229 h 5256000"/>
              <a:gd name="connsiteX3" fmla="*/ 4380230 w 5256000"/>
              <a:gd name="connsiteY3" fmla="*/ 876229 h 5256000"/>
              <a:gd name="connsiteX4" fmla="*/ 5256000 w 5256000"/>
              <a:gd name="connsiteY4" fmla="*/ 1752459 h 5256000"/>
              <a:gd name="connsiteX5" fmla="*/ 4380230 w 5256000"/>
              <a:gd name="connsiteY5" fmla="*/ 1752459 h 5256000"/>
              <a:gd name="connsiteX6" fmla="*/ 5256000 w 5256000"/>
              <a:gd name="connsiteY6" fmla="*/ 2628688 h 5256000"/>
              <a:gd name="connsiteX7" fmla="*/ 4380230 w 5256000"/>
              <a:gd name="connsiteY7" fmla="*/ 2628688 h 5256000"/>
              <a:gd name="connsiteX8" fmla="*/ 5256000 w 5256000"/>
              <a:gd name="connsiteY8" fmla="*/ 3503542 h 5256000"/>
              <a:gd name="connsiteX9" fmla="*/ 4380230 w 5256000"/>
              <a:gd name="connsiteY9" fmla="*/ 3503542 h 5256000"/>
              <a:gd name="connsiteX10" fmla="*/ 5256000 w 5256000"/>
              <a:gd name="connsiteY10" fmla="*/ 4379771 h 5256000"/>
              <a:gd name="connsiteX11" fmla="*/ 4380230 w 5256000"/>
              <a:gd name="connsiteY11" fmla="*/ 4379771 h 5256000"/>
              <a:gd name="connsiteX12" fmla="*/ 5256000 w 5256000"/>
              <a:gd name="connsiteY12" fmla="*/ 5256000 h 5256000"/>
              <a:gd name="connsiteX13" fmla="*/ 0 w 5256000"/>
              <a:gd name="connsiteY13" fmla="*/ 5256000 h 5256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5256000" h="5256000">
                <a:moveTo>
                  <a:pt x="0" y="0"/>
                </a:moveTo>
                <a:lnTo>
                  <a:pt x="4380230" y="0"/>
                </a:lnTo>
                <a:lnTo>
                  <a:pt x="5256000" y="876229"/>
                </a:lnTo>
                <a:lnTo>
                  <a:pt x="4380230" y="876229"/>
                </a:lnTo>
                <a:lnTo>
                  <a:pt x="5256000" y="1752459"/>
                </a:lnTo>
                <a:lnTo>
                  <a:pt x="4380230" y="1752459"/>
                </a:lnTo>
                <a:lnTo>
                  <a:pt x="5256000" y="2628688"/>
                </a:lnTo>
                <a:lnTo>
                  <a:pt x="4380230" y="2628688"/>
                </a:lnTo>
                <a:lnTo>
                  <a:pt x="5256000" y="3503542"/>
                </a:lnTo>
                <a:lnTo>
                  <a:pt x="4380230" y="3503542"/>
                </a:lnTo>
                <a:lnTo>
                  <a:pt x="5256000" y="4379771"/>
                </a:lnTo>
                <a:lnTo>
                  <a:pt x="4380230" y="4379771"/>
                </a:lnTo>
                <a:lnTo>
                  <a:pt x="5256000" y="5256000"/>
                </a:lnTo>
                <a:lnTo>
                  <a:pt x="0" y="5256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353523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ank You 2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  <a:noFill/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A2E6C500-BE65-7D4D-9151-1D3E24C5AED8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2" name="Picture Placeholder 11">
            <a:extLst>
              <a:ext uri="{FF2B5EF4-FFF2-40B4-BE49-F238E27FC236}">
                <a16:creationId xmlns:a16="http://schemas.microsoft.com/office/drawing/2014/main" id="{97F2D932-0F09-2144-8F5B-EE40C816D78E}"/>
              </a:ext>
            </a:extLst>
          </p:cNvPr>
          <p:cNvSpPr>
            <a:spLocks noGrp="1" noChangeAspect="1"/>
          </p:cNvSpPr>
          <p:nvPr>
            <p:ph type="pic" sz="quarter" idx="14"/>
          </p:nvPr>
        </p:nvSpPr>
        <p:spPr>
          <a:xfrm rot="16200000">
            <a:off x="6864990" y="-494"/>
            <a:ext cx="5327011" cy="5328000"/>
          </a:xfrm>
          <a:custGeom>
            <a:avLst/>
            <a:gdLst>
              <a:gd name="connsiteX0" fmla="*/ 0 w 5722937"/>
              <a:gd name="connsiteY0" fmla="*/ 0 h 5724000"/>
              <a:gd name="connsiteX1" fmla="*/ 5722937 w 5722937"/>
              <a:gd name="connsiteY1" fmla="*/ 0 h 5724000"/>
              <a:gd name="connsiteX2" fmla="*/ 5722937 w 5722937"/>
              <a:gd name="connsiteY2" fmla="*/ 5724000 h 5724000"/>
              <a:gd name="connsiteX3" fmla="*/ 953626 w 5722937"/>
              <a:gd name="connsiteY3" fmla="*/ 5724000 h 5724000"/>
              <a:gd name="connsiteX4" fmla="*/ 0 w 5722937"/>
              <a:gd name="connsiteY4" fmla="*/ 4771521 h 5724000"/>
              <a:gd name="connsiteX5" fmla="*/ 0 w 5722937"/>
              <a:gd name="connsiteY5" fmla="*/ 4770459 h 5724000"/>
              <a:gd name="connsiteX6" fmla="*/ 953626 w 5722937"/>
              <a:gd name="connsiteY6" fmla="*/ 4770459 h 5724000"/>
              <a:gd name="connsiteX7" fmla="*/ 0 w 5722937"/>
              <a:gd name="connsiteY7" fmla="*/ 3816605 h 5724000"/>
              <a:gd name="connsiteX8" fmla="*/ 0 w 5722937"/>
              <a:gd name="connsiteY8" fmla="*/ 3815541 h 5724000"/>
              <a:gd name="connsiteX9" fmla="*/ 953626 w 5722937"/>
              <a:gd name="connsiteY9" fmla="*/ 3815541 h 5724000"/>
              <a:gd name="connsiteX10" fmla="*/ 0 w 5722937"/>
              <a:gd name="connsiteY10" fmla="*/ 2861688 h 5724000"/>
              <a:gd name="connsiteX11" fmla="*/ 0 w 5722937"/>
              <a:gd name="connsiteY11" fmla="*/ 2860624 h 5724000"/>
              <a:gd name="connsiteX12" fmla="*/ 953626 w 5722937"/>
              <a:gd name="connsiteY12" fmla="*/ 2860624 h 5724000"/>
              <a:gd name="connsiteX13" fmla="*/ 0 w 5722937"/>
              <a:gd name="connsiteY13" fmla="*/ 1909519 h 5724000"/>
              <a:gd name="connsiteX14" fmla="*/ 0 w 5722937"/>
              <a:gd name="connsiteY14" fmla="*/ 1908459 h 5724000"/>
              <a:gd name="connsiteX15" fmla="*/ 953626 w 5722937"/>
              <a:gd name="connsiteY15" fmla="*/ 1908459 h 5724000"/>
              <a:gd name="connsiteX16" fmla="*/ 0 w 5722937"/>
              <a:gd name="connsiteY16" fmla="*/ 954605 h 5724000"/>
              <a:gd name="connsiteX17" fmla="*/ 0 w 5722937"/>
              <a:gd name="connsiteY17" fmla="*/ 953542 h 5724000"/>
              <a:gd name="connsiteX18" fmla="*/ 953626 w 5722937"/>
              <a:gd name="connsiteY18" fmla="*/ 953542 h 5724000"/>
              <a:gd name="connsiteX19" fmla="*/ 0 w 5722937"/>
              <a:gd name="connsiteY19" fmla="*/ 1062 h 572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</a:cxnLst>
            <a:rect l="l" t="t" r="r" b="b"/>
            <a:pathLst>
              <a:path w="5722937" h="5724000">
                <a:moveTo>
                  <a:pt x="0" y="0"/>
                </a:moveTo>
                <a:lnTo>
                  <a:pt x="5722937" y="0"/>
                </a:lnTo>
                <a:lnTo>
                  <a:pt x="5722937" y="5724000"/>
                </a:lnTo>
                <a:lnTo>
                  <a:pt x="953626" y="5724000"/>
                </a:lnTo>
                <a:lnTo>
                  <a:pt x="0" y="4771521"/>
                </a:lnTo>
                <a:lnTo>
                  <a:pt x="0" y="4770459"/>
                </a:lnTo>
                <a:lnTo>
                  <a:pt x="953626" y="4770459"/>
                </a:lnTo>
                <a:lnTo>
                  <a:pt x="0" y="3816605"/>
                </a:lnTo>
                <a:lnTo>
                  <a:pt x="0" y="3815541"/>
                </a:lnTo>
                <a:lnTo>
                  <a:pt x="953626" y="3815541"/>
                </a:lnTo>
                <a:lnTo>
                  <a:pt x="0" y="2861688"/>
                </a:lnTo>
                <a:lnTo>
                  <a:pt x="0" y="2860624"/>
                </a:lnTo>
                <a:lnTo>
                  <a:pt x="953626" y="2860624"/>
                </a:lnTo>
                <a:lnTo>
                  <a:pt x="0" y="1909519"/>
                </a:lnTo>
                <a:lnTo>
                  <a:pt x="0" y="1908459"/>
                </a:lnTo>
                <a:lnTo>
                  <a:pt x="953626" y="1908459"/>
                </a:lnTo>
                <a:lnTo>
                  <a:pt x="0" y="954605"/>
                </a:lnTo>
                <a:lnTo>
                  <a:pt x="0" y="953542"/>
                </a:lnTo>
                <a:lnTo>
                  <a:pt x="953626" y="953542"/>
                </a:lnTo>
                <a:lnTo>
                  <a:pt x="0" y="1062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  <a:noFill/>
        </p:spPr>
        <p:txBody>
          <a:bodyPr/>
          <a:lstStyle>
            <a:lvl1pPr>
              <a:lnSpc>
                <a:spcPts val="3400"/>
              </a:lnSpc>
              <a:spcBef>
                <a:spcPts val="600"/>
              </a:spcBef>
              <a:spcAft>
                <a:spcPts val="600"/>
              </a:spcAft>
              <a:defRPr sz="3000">
                <a:solidFill>
                  <a:schemeClr val="bg1"/>
                </a:solidFill>
                <a:latin typeface="+mn-lt"/>
              </a:defRPr>
            </a:lvl1pPr>
            <a:lvl2pPr marL="216000" indent="-216000">
              <a:lnSpc>
                <a:spcPts val="3400"/>
              </a:lnSpc>
              <a:spcAft>
                <a:spcPts val="1200"/>
              </a:spcAft>
              <a:defRPr sz="3000">
                <a:solidFill>
                  <a:schemeClr val="bg1"/>
                </a:solidFill>
              </a:defRPr>
            </a:lvl2pPr>
            <a:lvl3pPr marL="57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bg1"/>
                </a:solidFill>
              </a:defRPr>
            </a:lvl3pPr>
            <a:lvl4pPr marL="129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bg1"/>
                </a:solidFill>
              </a:defRPr>
            </a:lvl4pPr>
            <a:lvl5pPr marL="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6" name="Freeform 5">
            <a:extLst>
              <a:ext uri="{FF2B5EF4-FFF2-40B4-BE49-F238E27FC236}">
                <a16:creationId xmlns:a16="http://schemas.microsoft.com/office/drawing/2014/main" id="{8A183D33-F157-7142-B2D3-D4E025F8371E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1600" y="5918400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49013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sz="quarter" idx="13"/>
          </p:nvPr>
        </p:nvSpPr>
        <p:spPr>
          <a:xfrm>
            <a:off x="387625" y="1476000"/>
            <a:ext cx="11412000" cy="42480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BCF70B16-9173-4605-8852-01FCF762018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604F36A-EE50-4EE8-B507-FCC1EC014160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35E8D667-4E1E-45CD-B330-B95D9365915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AB62A1CB-9E39-4741-826A-9C123516D598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079283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11412000" cy="720000"/>
          </a:xfrm>
        </p:spPr>
        <p:txBody>
          <a:bodyPr/>
          <a:lstStyle/>
          <a:p>
            <a:r>
              <a:rPr lang="en-US" dirty="0"/>
              <a:t>Click to edit title sty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013172" y="6285600"/>
            <a:ext cx="871122" cy="288000"/>
          </a:xfrm>
        </p:spPr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5733625" y="6286014"/>
            <a:ext cx="720000" cy="288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D311FF4A-6575-2B4F-8705-5DCE090EE65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255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937465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Grey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11412000" cy="720000"/>
          </a:xfrm>
        </p:spPr>
        <p:txBody>
          <a:bodyPr/>
          <a:lstStyle/>
          <a:p>
            <a:r>
              <a:rPr lang="en-US" dirty="0"/>
              <a:t>Click to edit title sty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D311FF4A-6575-2B4F-8705-5DCE090EE65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255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910641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Grey 2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</p:spPr>
        <p:txBody>
          <a:bodyPr/>
          <a:lstStyle/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1" name="Picture Placeholder 12">
            <a:extLst>
              <a:ext uri="{FF2B5EF4-FFF2-40B4-BE49-F238E27FC236}">
                <a16:creationId xmlns:a16="http://schemas.microsoft.com/office/drawing/2014/main" id="{ABFFE6FA-CCB2-E944-AE78-BE364F701249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143626" y="0"/>
            <a:ext cx="6048375" cy="6063798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391794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4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wo Content Multicolou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AEC5D76C-ED68-064B-A7A9-C9CDFF56C986}"/>
              </a:ext>
            </a:extLst>
          </p:cNvPr>
          <p:cNvSpPr/>
          <p:nvPr userDrawn="1"/>
        </p:nvSpPr>
        <p:spPr>
          <a:xfrm>
            <a:off x="6108001" y="0"/>
            <a:ext cx="6083999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</p:spPr>
        <p:txBody>
          <a:bodyPr/>
          <a:lstStyle>
            <a:lvl1pPr>
              <a:lnSpc>
                <a:spcPct val="90000"/>
              </a:lnSpc>
              <a:defRPr/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604AF51F-FB00-E846-AA12-12BD9665EC05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5" y="1476000"/>
            <a:ext cx="5544000" cy="424815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5BDFD5DA-5D4B-7D46-A2DE-B3296588BC41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256075" y="1476000"/>
            <a:ext cx="5543550" cy="424815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95A022EB-FA1E-DE4C-95B5-3863E488B3CB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56075" y="331200"/>
            <a:ext cx="5544000" cy="720000"/>
          </a:xfrm>
        </p:spPr>
        <p:txBody>
          <a:bodyPr/>
          <a:lstStyle>
            <a:lvl1pPr>
              <a:lnSpc>
                <a:spcPct val="90000"/>
              </a:lnSpc>
              <a:defRPr sz="50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lick to edit title</a:t>
            </a:r>
          </a:p>
        </p:txBody>
      </p:sp>
      <p:sp>
        <p:nvSpPr>
          <p:cNvPr id="15" name="Freeform 5">
            <a:extLst>
              <a:ext uri="{FF2B5EF4-FFF2-40B4-BE49-F238E27FC236}">
                <a16:creationId xmlns:a16="http://schemas.microsoft.com/office/drawing/2014/main" id="{041B81D9-D63C-3A45-B5D1-F0E0F712AC19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71316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No Logo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EE705D-33B1-944B-8CE4-56B5C4C553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3BA5EA-FB73-8444-A40D-D9380E8C45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0D5D51C-4C54-444C-8244-C037B3C0AE60}" type="datetime1">
              <a:rPr lang="en-US" smtClean="0"/>
              <a:t>5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D0E20ED-4F03-A049-8598-82956CB897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9B7E5C-1573-9F4E-88D4-81D2D8850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A2E6C500-BE65-7D4D-9151-1D3E24C5AED8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506153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5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5A62BB11-9EFF-F645-BCB6-C22776E9D0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32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0703C04-8D45-924B-BC45-6A7109C11F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EDF0389-2F78-6941-81DE-B9CAA34DCB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42C897D-5B61-914B-8ED5-263B924C2D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46A7E639-1729-EF45-A48C-17927EC5B25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800" y="331201"/>
            <a:ext cx="10440000" cy="3096000"/>
          </a:xfrm>
        </p:spPr>
        <p:txBody>
          <a:bodyPr/>
          <a:lstStyle>
            <a:lvl1pPr>
              <a:lnSpc>
                <a:spcPts val="5500"/>
              </a:lnSpc>
              <a:spcAft>
                <a:spcPts val="2400"/>
              </a:spcAft>
              <a:defRPr sz="5000" spc="-50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555527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>
    <p:ext uri="{DCECCB84-F9BA-43D5-87BE-67443E8EF086}">
      <p15:sldGuideLst xmlns:p15="http://schemas.microsoft.com/office/powerpoint/2012/main">
        <p15:guide id="1" pos="6825">
          <p15:clr>
            <a:srgbClr val="F26B43"/>
          </p15:clr>
        </p15:guide>
      </p15:sldGuideLst>
    </p:ext>
  </p:extLst>
</p:sldLayout>
</file>

<file path=ppt/slideLayouts/slideLayout1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Fig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BC65874E-B7B2-864B-97BA-3B61A51574FB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143626" y="0"/>
            <a:ext cx="6048375" cy="6063798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0E1B9C-4020-8D40-8114-6D2077D17E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t>5/1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5F6BFB6-8E76-E74C-8B47-4AA68D18E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1EDAD2-3870-D94F-A3B0-6B52A88720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0700E41C-0494-6441-8E0D-BE244BFA449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59999" y="1008000"/>
            <a:ext cx="4348937" cy="1980000"/>
          </a:xfrm>
        </p:spPr>
        <p:txBody>
          <a:bodyPr anchor="t" anchorCtr="0"/>
          <a:lstStyle>
            <a:lvl1pPr>
              <a:lnSpc>
                <a:spcPct val="100000"/>
              </a:lnSpc>
              <a:defRPr sz="14000" b="0" i="0" spc="-150" baseline="0">
                <a:solidFill>
                  <a:schemeClr val="accent1"/>
                </a:solidFill>
                <a:latin typeface="Aktiv Grotesk Thin" panose="020B0404020202020204" pitchFamily="34" charset="0"/>
                <a:cs typeface="Aktiv Grotesk Thin" panose="020B0404020202020204" pitchFamily="34" charset="0"/>
              </a:defRPr>
            </a:lvl1pPr>
          </a:lstStyle>
          <a:p>
            <a:pPr lvl="0"/>
            <a:r>
              <a:rPr lang="en-US" dirty="0"/>
              <a:t>00%</a:t>
            </a:r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58B65A77-B204-F543-AF6D-4E63C03889B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937" y="2987999"/>
            <a:ext cx="4320000" cy="2736000"/>
          </a:xfrm>
        </p:spPr>
        <p:txBody>
          <a:bodyPr/>
          <a:lstStyle>
            <a:lvl1pPr>
              <a:lnSpc>
                <a:spcPts val="3400"/>
              </a:lnSpc>
              <a:spcAft>
                <a:spcPts val="1200"/>
              </a:spcAft>
              <a:defRPr sz="3000">
                <a:solidFill>
                  <a:schemeClr val="accent1"/>
                </a:solidFill>
                <a:latin typeface="+mj-lt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776151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5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4256A8C-F631-5048-933E-36BB2B7193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5ABC13E-3AAB-A84C-BD3A-6009A004F8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0E142A4-736B-DF4E-A72E-E936C45320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Media Placeholder 6">
            <a:extLst>
              <a:ext uri="{FF2B5EF4-FFF2-40B4-BE49-F238E27FC236}">
                <a16:creationId xmlns:a16="http://schemas.microsoft.com/office/drawing/2014/main" id="{38A3C210-3C6C-BB4E-AB18-520DA31DFF9D}"/>
              </a:ext>
            </a:extLst>
          </p:cNvPr>
          <p:cNvSpPr>
            <a:spLocks noGrp="1"/>
          </p:cNvSpPr>
          <p:nvPr>
            <p:ph type="media" sz="quarter" idx="13"/>
          </p:nvPr>
        </p:nvSpPr>
        <p:spPr>
          <a:xfrm>
            <a:off x="0" y="0"/>
            <a:ext cx="12192000" cy="6858000"/>
          </a:xfrm>
        </p:spPr>
        <p:txBody>
          <a:bodyPr anchor="ctr" anchorCtr="0"/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media</a:t>
            </a:r>
            <a:endParaRPr lang="en-GB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63162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5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30C526-47DC-3B45-BDB4-3CBB68F7E6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8E15B81-5BF2-6D47-B422-14E4A7A3C7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t>5/1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232541C-BDB6-9B41-BD0A-BEE336E531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EA3E96B-CBB6-3C49-A743-98A233E35B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59789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5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0E1B9C-4020-8D40-8114-6D2077D17E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t>5/1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5F6BFB6-8E76-E74C-8B47-4AA68D18E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1EDAD2-3870-D94F-A3B0-6B52A88720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166923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EE705D-33B1-944B-8CE4-56B5C4C553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3BA5EA-FB73-8444-A40D-D9380E8C45DC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-1947600" y="6285600"/>
            <a:ext cx="871122" cy="288000"/>
          </a:xfrm>
          <a:prstGeom prst="rect">
            <a:avLst/>
          </a:prstGeom>
        </p:spPr>
        <p:txBody>
          <a:bodyPr/>
          <a:lstStyle/>
          <a:p>
            <a:fld id="{4662E3C5-6C5C-B64A-8608-EE5898873FAE}" type="datetimeFigureOut">
              <a:rPr lang="en-US" smtClean="0"/>
              <a:t>5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D0E20ED-4F03-A049-8598-82956CB897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9B7E5C-1573-9F4E-88D4-81D2D8850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3"/>
          </p:nvPr>
        </p:nvSpPr>
        <p:spPr>
          <a:xfrm>
            <a:off x="387625" y="1476000"/>
            <a:ext cx="11412000" cy="42480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40811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11412000" cy="720000"/>
          </a:xfrm>
        </p:spPr>
        <p:txBody>
          <a:bodyPr/>
          <a:lstStyle/>
          <a:p>
            <a:r>
              <a:rPr lang="en-US" dirty="0"/>
              <a:t>Click to edit title sty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-1947600" y="6285600"/>
            <a:ext cx="871122" cy="288000"/>
          </a:xfrm>
          <a:prstGeom prst="rect">
            <a:avLst/>
          </a:prstGeom>
        </p:spPr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D311FF4A-6575-2B4F-8705-5DCE090EE65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255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39381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Grey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11412000" cy="720000"/>
          </a:xfrm>
        </p:spPr>
        <p:txBody>
          <a:bodyPr/>
          <a:lstStyle/>
          <a:p>
            <a:r>
              <a:rPr lang="en-US" dirty="0"/>
              <a:t>Click to edit title sty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-1947600" y="6285600"/>
            <a:ext cx="871122" cy="288000"/>
          </a:xfrm>
          <a:prstGeom prst="rect">
            <a:avLst/>
          </a:prstGeom>
        </p:spPr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D311FF4A-6575-2B4F-8705-5DCE090EE65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255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569353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Grey 2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</p:spPr>
        <p:txBody>
          <a:bodyPr/>
          <a:lstStyle/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-1947600" y="6285600"/>
            <a:ext cx="871122" cy="288000"/>
          </a:xfrm>
          <a:prstGeom prst="rect">
            <a:avLst/>
          </a:prstGeom>
        </p:spPr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1" name="Picture Placeholder 12">
            <a:extLst>
              <a:ext uri="{FF2B5EF4-FFF2-40B4-BE49-F238E27FC236}">
                <a16:creationId xmlns:a16="http://schemas.microsoft.com/office/drawing/2014/main" id="{ABFFE6FA-CCB2-E944-AE78-BE364F701249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143626" y="0"/>
            <a:ext cx="6048375" cy="6063798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322665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5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wo Content Multicolou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AEC5D76C-ED68-064B-A7A9-C9CDFF56C986}"/>
              </a:ext>
            </a:extLst>
          </p:cNvPr>
          <p:cNvSpPr/>
          <p:nvPr userDrawn="1"/>
        </p:nvSpPr>
        <p:spPr>
          <a:xfrm>
            <a:off x="6108001" y="0"/>
            <a:ext cx="6083999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</p:spPr>
        <p:txBody>
          <a:bodyPr/>
          <a:lstStyle>
            <a:lvl1pPr>
              <a:lnSpc>
                <a:spcPct val="90000"/>
              </a:lnSpc>
              <a:defRPr/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-1947600" y="6285600"/>
            <a:ext cx="871122" cy="288000"/>
          </a:xfrm>
          <a:prstGeom prst="rect">
            <a:avLst/>
          </a:prstGeom>
        </p:spPr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604AF51F-FB00-E846-AA12-12BD9665EC05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5" y="1476000"/>
            <a:ext cx="5544000" cy="424815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5BDFD5DA-5D4B-7D46-A2DE-B3296588BC41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256075" y="1476000"/>
            <a:ext cx="5543550" cy="424815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95A022EB-FA1E-DE4C-95B5-3863E488B3CB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56075" y="331200"/>
            <a:ext cx="5544000" cy="720000"/>
          </a:xfrm>
        </p:spPr>
        <p:txBody>
          <a:bodyPr/>
          <a:lstStyle>
            <a:lvl1pPr>
              <a:lnSpc>
                <a:spcPct val="90000"/>
              </a:lnSpc>
              <a:defRPr sz="50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lick to edit title</a:t>
            </a:r>
          </a:p>
        </p:txBody>
      </p:sp>
      <p:sp>
        <p:nvSpPr>
          <p:cNvPr id="15" name="Freeform 5">
            <a:extLst>
              <a:ext uri="{FF2B5EF4-FFF2-40B4-BE49-F238E27FC236}">
                <a16:creationId xmlns:a16="http://schemas.microsoft.com/office/drawing/2014/main" id="{041B81D9-D63C-3A45-B5D1-F0E0F712AC19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574770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WHITE_TextSlide_2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29324" cy="609398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871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97C326BA-A1F7-4E33-88FC-B76359D35FF4}" type="datetime3">
              <a:rPr lang="en-US" smtClean="0"/>
              <a:pPr/>
              <a:t>18 May 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5B7B4106-2F1F-45B9-9A64-FAC3DF7E09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21649773"/>
      </p:ext>
    </p:extLst>
  </p:cSld>
  <p:clrMapOvr>
    <a:masterClrMapping/>
  </p:clrMapOvr>
  <p:transition>
    <p:fade/>
  </p:transition>
</p:sldLayout>
</file>

<file path=ppt/slideLayouts/slideLayout16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5A62BB11-9EFF-F645-BCB6-C22776E9D0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32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0703C04-8D45-924B-BC45-6A7109C11F2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-1947600" y="6285600"/>
            <a:ext cx="871122" cy="288000"/>
          </a:xfrm>
          <a:prstGeom prst="rect">
            <a:avLst/>
          </a:prstGeom>
        </p:spPr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EDF0389-2F78-6941-81DE-B9CAA34DCB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42C897D-5B61-914B-8ED5-263B924C2D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46A7E639-1729-EF45-A48C-17927EC5B25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800" y="331201"/>
            <a:ext cx="10440000" cy="3096000"/>
          </a:xfrm>
        </p:spPr>
        <p:txBody>
          <a:bodyPr/>
          <a:lstStyle>
            <a:lvl1pPr>
              <a:lnSpc>
                <a:spcPts val="5500"/>
              </a:lnSpc>
              <a:spcAft>
                <a:spcPts val="2400"/>
              </a:spcAft>
              <a:defRPr sz="5000" spc="-50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047157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>
    <p:ext uri="{DCECCB84-F9BA-43D5-87BE-67443E8EF086}">
      <p15:sldGuideLst xmlns:p15="http://schemas.microsoft.com/office/powerpoint/2012/main">
        <p15:guide id="1" pos="6825">
          <p15:clr>
            <a:srgbClr val="F26B43"/>
          </p15:clr>
        </p15:guide>
      </p15:sldGuideLst>
    </p:ext>
  </p:extLst>
</p:sldLayout>
</file>

<file path=ppt/slideLayouts/slideLayout1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Fig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BC65874E-B7B2-864B-97BA-3B61A51574FB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143626" y="0"/>
            <a:ext cx="6048375" cy="6063798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0E1B9C-4020-8D40-8114-6D2077D17E7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-1947600" y="6285600"/>
            <a:ext cx="871122" cy="288000"/>
          </a:xfrm>
          <a:prstGeom prst="rect">
            <a:avLst/>
          </a:prstGeom>
        </p:spPr>
        <p:txBody>
          <a:bodyPr/>
          <a:lstStyle/>
          <a:p>
            <a:fld id="{4662E3C5-6C5C-B64A-8608-EE5898873FAE}" type="datetimeFigureOut">
              <a:rPr lang="en-US" smtClean="0"/>
              <a:t>5/1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5F6BFB6-8E76-E74C-8B47-4AA68D18E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1EDAD2-3870-D94F-A3B0-6B52A88720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0700E41C-0494-6441-8E0D-BE244BFA449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59999" y="1008000"/>
            <a:ext cx="4348937" cy="1980000"/>
          </a:xfrm>
        </p:spPr>
        <p:txBody>
          <a:bodyPr anchor="t" anchorCtr="0"/>
          <a:lstStyle>
            <a:lvl1pPr>
              <a:lnSpc>
                <a:spcPct val="100000"/>
              </a:lnSpc>
              <a:defRPr sz="14000" b="0" i="0" spc="-150" baseline="0">
                <a:solidFill>
                  <a:schemeClr val="accent1"/>
                </a:solidFill>
                <a:latin typeface="Aktiv Grotesk Thin" panose="020B0404020202020204" pitchFamily="34" charset="0"/>
                <a:cs typeface="Aktiv Grotesk Thin" panose="020B0404020202020204" pitchFamily="34" charset="0"/>
              </a:defRPr>
            </a:lvl1pPr>
          </a:lstStyle>
          <a:p>
            <a:pPr lvl="0"/>
            <a:r>
              <a:rPr lang="en-US" dirty="0"/>
              <a:t>00%</a:t>
            </a:r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58B65A77-B204-F543-AF6D-4E63C03889B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937" y="2987999"/>
            <a:ext cx="4320000" cy="2736000"/>
          </a:xfrm>
        </p:spPr>
        <p:txBody>
          <a:bodyPr/>
          <a:lstStyle>
            <a:lvl1pPr>
              <a:lnSpc>
                <a:spcPts val="3400"/>
              </a:lnSpc>
              <a:spcAft>
                <a:spcPts val="1200"/>
              </a:spcAft>
              <a:defRPr sz="3000">
                <a:solidFill>
                  <a:schemeClr val="accent1"/>
                </a:solidFill>
                <a:latin typeface="+mj-lt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6284533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6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4256A8C-F631-5048-933E-36BB2B719375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-1947600" y="6285600"/>
            <a:ext cx="871122" cy="288000"/>
          </a:xfrm>
          <a:prstGeom prst="rect">
            <a:avLst/>
          </a:prstGeom>
        </p:spPr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5ABC13E-3AAB-A84C-BD3A-6009A004F8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0E142A4-736B-DF4E-A72E-E936C45320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Media Placeholder 6">
            <a:extLst>
              <a:ext uri="{FF2B5EF4-FFF2-40B4-BE49-F238E27FC236}">
                <a16:creationId xmlns:a16="http://schemas.microsoft.com/office/drawing/2014/main" id="{38A3C210-3C6C-BB4E-AB18-520DA31DFF9D}"/>
              </a:ext>
            </a:extLst>
          </p:cNvPr>
          <p:cNvSpPr>
            <a:spLocks noGrp="1"/>
          </p:cNvSpPr>
          <p:nvPr>
            <p:ph type="media" sz="quarter" idx="13"/>
          </p:nvPr>
        </p:nvSpPr>
        <p:spPr>
          <a:xfrm>
            <a:off x="0" y="0"/>
            <a:ext cx="12192000" cy="6858000"/>
          </a:xfrm>
        </p:spPr>
        <p:txBody>
          <a:bodyPr anchor="ctr" anchorCtr="0"/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media</a:t>
            </a:r>
            <a:endParaRPr lang="en-GB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736590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6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30C526-47DC-3B45-BDB4-3CBB68F7E6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8E15B81-5BF2-6D47-B422-14E4A7A3C765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-1947600" y="6285600"/>
            <a:ext cx="871122" cy="288000"/>
          </a:xfrm>
          <a:prstGeom prst="rect">
            <a:avLst/>
          </a:prstGeom>
        </p:spPr>
        <p:txBody>
          <a:bodyPr/>
          <a:lstStyle/>
          <a:p>
            <a:fld id="{4662E3C5-6C5C-B64A-8608-EE5898873FAE}" type="datetimeFigureOut">
              <a:rPr lang="en-US" smtClean="0"/>
              <a:t>5/1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232541C-BDB6-9B41-BD0A-BEE336E531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EA3E96B-CBB6-3C49-A743-98A233E35B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000857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6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0E1B9C-4020-8D40-8114-6D2077D17E7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-1947600" y="6285600"/>
            <a:ext cx="871122" cy="288000"/>
          </a:xfrm>
          <a:prstGeom prst="rect">
            <a:avLst/>
          </a:prstGeom>
        </p:spPr>
        <p:txBody>
          <a:bodyPr/>
          <a:lstStyle/>
          <a:p>
            <a:fld id="{4662E3C5-6C5C-B64A-8608-EE5898873FAE}" type="datetimeFigureOut">
              <a:rPr lang="en-US" smtClean="0"/>
              <a:t>5/1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5F6BFB6-8E76-E74C-8B47-4AA68D18E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1EDAD2-3870-D94F-A3B0-6B52A88720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4669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65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FFAE1E6-1D19-48DA-A32C-D6513529919C}" type="datetime3">
              <a:rPr lang="en-US" altLang="en-US"/>
              <a:pPr>
                <a:defRPr/>
              </a:pPr>
              <a:t>18 May 2022</a:t>
            </a:fld>
            <a:endParaRPr lang="en-US" altLang="en-US"/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altLang="en-US"/>
              <a:t>Name of Project</a:t>
            </a: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CC4978B-5EC1-4885-B55D-2E97B15F37E7}" type="slidenum">
              <a:rPr lang="en-US" altLang="en-US"/>
              <a:pPr>
                <a:defRPr/>
              </a:pPr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42177677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6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5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z="1000">
                <a:latin typeface="+mn-lt"/>
              </a:defRPr>
            </a:lvl1pPr>
          </a:lstStyle>
          <a:p>
            <a:pPr algn="ctr"/>
            <a:r>
              <a:rPr lang="en-US" altLang="en-US"/>
              <a:t>IATA CONFIDENTIAL</a:t>
            </a:r>
            <a:endParaRPr lang="fr-FR" alt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sz="1000">
                <a:latin typeface="+mn-lt"/>
              </a:defRPr>
            </a:lvl1pPr>
          </a:lstStyle>
          <a:p>
            <a:fld id="{E7A8E54A-39E3-4560-8DC6-DB175674BE19}" type="slidenum">
              <a:rPr lang="fr-FR" altLang="en-US" smtClean="0"/>
              <a:pPr/>
              <a:t>‹#›</a:t>
            </a:fld>
            <a:endParaRPr lang="fr-FR" altLang="en-US" dirty="0"/>
          </a:p>
        </p:txBody>
      </p:sp>
      <p:pic>
        <p:nvPicPr>
          <p:cNvPr id="5" name="Picture 4"/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32701" y="6525345"/>
            <a:ext cx="474735" cy="3475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35931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6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3_Quot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5A62BB11-9EFF-F645-BCB6-C22776E9D0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3571874"/>
            <a:ext cx="12192000" cy="3286125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0703C04-8D45-924B-BC45-6A7109C11F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EDF0389-2F78-6941-81DE-B9CAA34DCB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42C897D-5B61-914B-8ED5-263B924C2D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46A7E639-1729-EF45-A48C-17927EC5B25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800" y="331201"/>
            <a:ext cx="10440000" cy="2913040"/>
          </a:xfrm>
        </p:spPr>
        <p:txBody>
          <a:bodyPr/>
          <a:lstStyle>
            <a:lvl1pPr>
              <a:lnSpc>
                <a:spcPts val="3600"/>
              </a:lnSpc>
              <a:spcAft>
                <a:spcPts val="2400"/>
              </a:spcAft>
              <a:defRPr sz="3200" spc="-50" baseline="0">
                <a:solidFill>
                  <a:schemeClr val="accent1"/>
                </a:solidFill>
                <a:latin typeface="+mj-lt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1600" y="5918400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916919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>
    <p:ext uri="{DCECCB84-F9BA-43D5-87BE-67443E8EF086}">
      <p15:sldGuideLst xmlns:p15="http://schemas.microsoft.com/office/powerpoint/2012/main">
        <p15:guide id="1" pos="6825">
          <p15:clr>
            <a:srgbClr val="F26B43"/>
          </p15:clr>
        </p15:guide>
      </p15:sldGuideLst>
    </p:ext>
  </p:extLst>
</p:sldLayout>
</file>

<file path=ppt/slideLayouts/slideLayout16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Quot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5A62BB11-9EFF-F645-BCB6-C22776E9D0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3286125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0703C04-8D45-924B-BC45-6A7109C11F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EDF0389-2F78-6941-81DE-B9CAA34DCB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42C897D-5B61-914B-8ED5-263B924C2D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46A7E639-1729-EF45-A48C-17927EC5B25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800" y="3670125"/>
            <a:ext cx="10440000" cy="2632249"/>
          </a:xfrm>
        </p:spPr>
        <p:txBody>
          <a:bodyPr/>
          <a:lstStyle>
            <a:lvl1pPr>
              <a:lnSpc>
                <a:spcPts val="3600"/>
              </a:lnSpc>
              <a:spcAft>
                <a:spcPts val="2400"/>
              </a:spcAft>
              <a:defRPr sz="3200" spc="-50" baseline="0">
                <a:solidFill>
                  <a:schemeClr val="accent1"/>
                </a:solidFill>
                <a:latin typeface="+mj-lt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5527438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>
    <p:ext uri="{DCECCB84-F9BA-43D5-87BE-67443E8EF086}">
      <p15:sldGuideLst xmlns:p15="http://schemas.microsoft.com/office/powerpoint/2012/main">
        <p15:guide id="1" pos="6825">
          <p15:clr>
            <a:srgbClr val="F26B43"/>
          </p15:clr>
        </p15:guide>
      </p15:sldGuideLst>
    </p:ext>
  </p:extLst>
</p:sldLayout>
</file>

<file path=ppt/slideLayouts/slideLayout16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Thank You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4"/>
          </p:nvPr>
        </p:nvSpPr>
        <p:spPr>
          <a:xfrm>
            <a:off x="0" y="0"/>
            <a:ext cx="12192000" cy="6858000"/>
          </a:xfrm>
        </p:spPr>
        <p:txBody>
          <a:bodyPr/>
          <a:lstStyle/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  <a:noFill/>
        </p:spPr>
        <p:txBody>
          <a:bodyPr/>
          <a:lstStyle>
            <a:lvl1pPr>
              <a:defRPr baseline="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  <a:noFill/>
        </p:spPr>
        <p:txBody>
          <a:bodyPr/>
          <a:lstStyle>
            <a:lvl1pPr>
              <a:lnSpc>
                <a:spcPts val="3400"/>
              </a:lnSpc>
              <a:spcBef>
                <a:spcPts val="600"/>
              </a:spcBef>
              <a:spcAft>
                <a:spcPts val="600"/>
              </a:spcAft>
              <a:defRPr sz="3000">
                <a:solidFill>
                  <a:schemeClr val="tx1"/>
                </a:solidFill>
                <a:latin typeface="+mn-lt"/>
              </a:defRPr>
            </a:lvl1pPr>
            <a:lvl2pPr marL="216000" indent="-216000">
              <a:lnSpc>
                <a:spcPts val="3400"/>
              </a:lnSpc>
              <a:spcAft>
                <a:spcPts val="1200"/>
              </a:spcAft>
              <a:defRPr sz="3000">
                <a:solidFill>
                  <a:schemeClr val="tx1"/>
                </a:solidFill>
              </a:defRPr>
            </a:lvl2pPr>
            <a:lvl3pPr marL="57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tx1"/>
                </a:solidFill>
              </a:defRPr>
            </a:lvl3pPr>
            <a:lvl4pPr marL="129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tx1"/>
                </a:solidFill>
              </a:defRPr>
            </a:lvl4pPr>
            <a:lvl5pPr marL="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pic>
        <p:nvPicPr>
          <p:cNvPr id="14" name="Picture 2"/>
          <p:cNvPicPr>
            <a:picLocks noChangeAspect="1" noChangeArrowheads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1976165" y="4621909"/>
            <a:ext cx="1916715" cy="5791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5" name="TextBox 14"/>
          <p:cNvSpPr txBox="1"/>
          <p:nvPr userDrawn="1"/>
        </p:nvSpPr>
        <p:spPr>
          <a:xfrm>
            <a:off x="-1980728" y="5221649"/>
            <a:ext cx="1916715" cy="1015663"/>
          </a:xfrm>
          <a:prstGeom prst="rect">
            <a:avLst/>
          </a:prstGeom>
          <a:solidFill>
            <a:schemeClr val="bg1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en-GB" sz="1000" b="1" dirty="0">
                <a:solidFill>
                  <a:srgbClr val="D22630"/>
                </a:solidFill>
                <a:latin typeface="+mn-lt"/>
              </a:rPr>
              <a:t>Note</a:t>
            </a:r>
            <a:r>
              <a:rPr lang="en-GB" sz="1000" dirty="0">
                <a:solidFill>
                  <a:srgbClr val="D22630"/>
                </a:solidFill>
                <a:latin typeface="+mn-lt"/>
              </a:rPr>
              <a:t>: </a:t>
            </a:r>
            <a:r>
              <a:rPr lang="en-GB" sz="1000" dirty="0">
                <a:latin typeface="+mn-lt"/>
              </a:rPr>
              <a:t>To change text styles, place text cursor in text and choose to promote or demote level with one of</a:t>
            </a:r>
            <a:br>
              <a:rPr lang="en-GB" sz="1000" dirty="0">
                <a:latin typeface="+mn-lt"/>
              </a:rPr>
            </a:br>
            <a:r>
              <a:rPr lang="en-GB" sz="1000" dirty="0">
                <a:latin typeface="+mn-lt"/>
              </a:rPr>
              <a:t>the indicated buttons.</a:t>
            </a:r>
          </a:p>
          <a:p>
            <a:r>
              <a:rPr lang="en-GB" sz="1000" dirty="0">
                <a:latin typeface="+mn-lt"/>
              </a:rPr>
              <a:t>(located on the HOME tab)</a:t>
            </a:r>
          </a:p>
        </p:txBody>
      </p:sp>
    </p:spTree>
    <p:extLst>
      <p:ext uri="{BB962C8B-B14F-4D97-AF65-F5344CB8AC3E}">
        <p14:creationId xmlns:p14="http://schemas.microsoft.com/office/powerpoint/2010/main" val="8223233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WHITE_TextSlide_1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0821CC-265E-473E-BD96-BC93B6A49D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4C4D5EE-B9EC-4B8B-B697-CD3B955461AE}"/>
              </a:ext>
            </a:extLst>
          </p:cNvPr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98937FE-5C9B-40C9-8C55-48EB04CA346C}" type="datetime3">
              <a:rPr lang="en-US" smtClean="0"/>
              <a:pPr/>
              <a:t>18 May 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D518933-C06B-479E-8487-1189C2548F67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84516589"/>
      </p:ext>
    </p:extLst>
  </p:cSld>
  <p:clrMapOvr>
    <a:masterClrMapping/>
  </p:clrMapOvr>
  <p:transition>
    <p:fade/>
  </p:transition>
</p:sldLayout>
</file>

<file path=ppt/slideLayouts/slideLayout1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EE705D-33B1-944B-8CE4-56B5C4C553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3BA5EA-FB73-8444-A40D-D9380E8C45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t>5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D0E20ED-4F03-A049-8598-82956CB897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9B7E5C-1573-9F4E-88D4-81D2D8850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3"/>
          </p:nvPr>
        </p:nvSpPr>
        <p:spPr>
          <a:xfrm>
            <a:off x="387625" y="1476000"/>
            <a:ext cx="11412000" cy="42480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845151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11412000" cy="720000"/>
          </a:xfrm>
        </p:spPr>
        <p:txBody>
          <a:bodyPr/>
          <a:lstStyle/>
          <a:p>
            <a:r>
              <a:rPr lang="en-US" dirty="0"/>
              <a:t>Click to edit title sty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D311FF4A-6575-2B4F-8705-5DCE090EE65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255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474296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7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5A62BB11-9EFF-F645-BCB6-C22776E9D0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32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0703C04-8D45-924B-BC45-6A7109C11F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EDF0389-2F78-6941-81DE-B9CAA34DCB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42C897D-5B61-914B-8ED5-263B924C2D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46A7E639-1729-EF45-A48C-17927EC5B25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800" y="331201"/>
            <a:ext cx="10440000" cy="3096000"/>
          </a:xfrm>
        </p:spPr>
        <p:txBody>
          <a:bodyPr/>
          <a:lstStyle>
            <a:lvl1pPr>
              <a:lnSpc>
                <a:spcPts val="5500"/>
              </a:lnSpc>
              <a:spcAft>
                <a:spcPts val="2400"/>
              </a:spcAft>
              <a:defRPr sz="5000" spc="-50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839247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>
    <p:ext uri="{DCECCB84-F9BA-43D5-87BE-67443E8EF086}">
      <p15:sldGuideLst xmlns:p15="http://schemas.microsoft.com/office/powerpoint/2012/main">
        <p15:guide id="1" pos="6825">
          <p15:clr>
            <a:srgbClr val="F26B43"/>
          </p15:clr>
        </p15:guide>
      </p15:sldGuideLst>
    </p:ext>
  </p:extLst>
</p:sldLayout>
</file>

<file path=ppt/slideLayouts/slideLayout1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Fig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BC65874E-B7B2-864B-97BA-3B61A51574FB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143626" y="0"/>
            <a:ext cx="6048375" cy="6063798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0E1B9C-4020-8D40-8114-6D2077D17E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t>5/1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5F6BFB6-8E76-E74C-8B47-4AA68D18E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1EDAD2-3870-D94F-A3B0-6B52A88720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0700E41C-0494-6441-8E0D-BE244BFA449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59999" y="1008000"/>
            <a:ext cx="4348937" cy="1980000"/>
          </a:xfrm>
        </p:spPr>
        <p:txBody>
          <a:bodyPr anchor="t" anchorCtr="0"/>
          <a:lstStyle>
            <a:lvl1pPr>
              <a:lnSpc>
                <a:spcPct val="100000"/>
              </a:lnSpc>
              <a:defRPr sz="14000" b="0" i="0" spc="-200" baseline="0">
                <a:solidFill>
                  <a:schemeClr val="accent1"/>
                </a:solidFill>
                <a:latin typeface="Aktiv Grotesk Light" panose="020B0304020202020204" pitchFamily="34" charset="0"/>
              </a:defRPr>
            </a:lvl1pPr>
          </a:lstStyle>
          <a:p>
            <a:pPr lvl="0"/>
            <a:r>
              <a:rPr lang="en-US" dirty="0"/>
              <a:t>00%</a:t>
            </a:r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58B65A77-B204-F543-AF6D-4E63C03889B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937" y="2987999"/>
            <a:ext cx="4320000" cy="2736000"/>
          </a:xfrm>
        </p:spPr>
        <p:txBody>
          <a:bodyPr/>
          <a:lstStyle>
            <a:lvl1pPr>
              <a:lnSpc>
                <a:spcPts val="3400"/>
              </a:lnSpc>
              <a:spcAft>
                <a:spcPts val="1200"/>
              </a:spcAft>
              <a:defRPr sz="3000">
                <a:solidFill>
                  <a:schemeClr val="accent1"/>
                </a:solidFill>
                <a:latin typeface="+mj-lt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1408967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7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wo Content Multicolou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AEC5D76C-ED68-064B-A7A9-C9CDFF56C986}"/>
              </a:ext>
            </a:extLst>
          </p:cNvPr>
          <p:cNvSpPr/>
          <p:nvPr userDrawn="1"/>
        </p:nvSpPr>
        <p:spPr>
          <a:xfrm>
            <a:off x="6108001" y="0"/>
            <a:ext cx="6083999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</p:spPr>
        <p:txBody>
          <a:bodyPr/>
          <a:lstStyle>
            <a:lvl1pPr>
              <a:lnSpc>
                <a:spcPct val="90000"/>
              </a:lnSpc>
              <a:defRPr/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604AF51F-FB00-E846-AA12-12BD9665EC05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5" y="1476000"/>
            <a:ext cx="5544000" cy="424815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5BDFD5DA-5D4B-7D46-A2DE-B3296588BC41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256075" y="1476000"/>
            <a:ext cx="5543550" cy="424815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95A022EB-FA1E-DE4C-95B5-3863E488B3CB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56075" y="331200"/>
            <a:ext cx="5544000" cy="720000"/>
          </a:xfrm>
        </p:spPr>
        <p:txBody>
          <a:bodyPr/>
          <a:lstStyle>
            <a:lvl1pPr>
              <a:lnSpc>
                <a:spcPct val="90000"/>
              </a:lnSpc>
              <a:defRPr sz="50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lick to edit title</a:t>
            </a:r>
          </a:p>
        </p:txBody>
      </p:sp>
      <p:sp>
        <p:nvSpPr>
          <p:cNvPr id="15" name="Freeform 5">
            <a:extLst>
              <a:ext uri="{FF2B5EF4-FFF2-40B4-BE49-F238E27FC236}">
                <a16:creationId xmlns:a16="http://schemas.microsoft.com/office/drawing/2014/main" id="{041B81D9-D63C-3A45-B5D1-F0E0F712AC19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042642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7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4256A8C-F631-5048-933E-36BB2B7193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5ABC13E-3AAB-A84C-BD3A-6009A004F8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0E142A4-736B-DF4E-A72E-E936C45320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Media Placeholder 6">
            <a:extLst>
              <a:ext uri="{FF2B5EF4-FFF2-40B4-BE49-F238E27FC236}">
                <a16:creationId xmlns:a16="http://schemas.microsoft.com/office/drawing/2014/main" id="{38A3C210-3C6C-BB4E-AB18-520DA31DFF9D}"/>
              </a:ext>
            </a:extLst>
          </p:cNvPr>
          <p:cNvSpPr>
            <a:spLocks noGrp="1"/>
          </p:cNvSpPr>
          <p:nvPr>
            <p:ph type="media" sz="quarter" idx="13"/>
          </p:nvPr>
        </p:nvSpPr>
        <p:spPr>
          <a:xfrm>
            <a:off x="0" y="0"/>
            <a:ext cx="12192000" cy="6858000"/>
          </a:xfrm>
        </p:spPr>
        <p:txBody>
          <a:bodyPr anchor="ctr" anchorCtr="0"/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media</a:t>
            </a:r>
            <a:endParaRPr lang="en-GB" dirty="0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F8EBC734-0E89-CC45-A68A-9AA8FBB43BD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818862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ue Title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9">
            <a:extLst>
              <a:ext uri="{FF2B5EF4-FFF2-40B4-BE49-F238E27FC236}">
                <a16:creationId xmlns:a16="http://schemas.microsoft.com/office/drawing/2014/main" id="{C2AE6FC5-3C68-EA4E-9993-6A6F5A9DADC2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32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7A149394-4D07-864E-9E2A-539CE02EB30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5400000" cy="1881538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 spc="-80" baseline="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 dirty="0"/>
              <a:t>Click to </a:t>
            </a:r>
            <a:br>
              <a:rPr lang="en-US" dirty="0"/>
            </a:br>
            <a:r>
              <a:rPr lang="en-US" dirty="0"/>
              <a:t>edit title </a:t>
            </a:r>
          </a:p>
        </p:txBody>
      </p:sp>
      <p:sp>
        <p:nvSpPr>
          <p:cNvPr id="7" name="Subtitle 2">
            <a:extLst>
              <a:ext uri="{FF2B5EF4-FFF2-40B4-BE49-F238E27FC236}">
                <a16:creationId xmlns:a16="http://schemas.microsoft.com/office/drawing/2014/main" id="{0CFEDDD2-D68A-E247-BA34-D7FF7F62186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88800" y="3384000"/>
            <a:ext cx="3600000" cy="10800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400"/>
              </a:lnSpc>
              <a:buNone/>
              <a:defRPr sz="3200">
                <a:solidFill>
                  <a:schemeClr val="accent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subtitle style</a:t>
            </a:r>
          </a:p>
        </p:txBody>
      </p:sp>
      <p:sp>
        <p:nvSpPr>
          <p:cNvPr id="12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3" name="Date Placeholder 3">
            <a:extLst>
              <a:ext uri="{FF2B5EF4-FFF2-40B4-BE49-F238E27FC236}">
                <a16:creationId xmlns:a16="http://schemas.microsoft.com/office/drawing/2014/main" id="{9F7F29FA-07B2-9246-BD54-54AEE122F8A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8800" y="6156000"/>
            <a:ext cx="3600000" cy="432000"/>
          </a:xfrm>
        </p:spPr>
        <p:txBody>
          <a:bodyPr/>
          <a:lstStyle>
            <a:lvl1pPr>
              <a:defRPr sz="2000">
                <a:solidFill>
                  <a:schemeClr val="accent1"/>
                </a:solidFill>
              </a:defRPr>
            </a:lvl1pPr>
          </a:lstStyle>
          <a:p>
            <a:fld id="{F4ED228B-9904-44CA-9802-B84F9FE13619}" type="datetime3">
              <a:rPr lang="en-US" smtClean="0"/>
              <a:t>18 May 202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626030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hf sldNum="0" hdr="0" ftr="0"/>
</p:sldLayout>
</file>

<file path=ppt/slideLayouts/slideLayout17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30C526-47DC-3B45-BDB4-3CBB68F7E6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8E15B81-5BF2-6D47-B422-14E4A7A3C7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t>5/1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232541C-BDB6-9B41-BD0A-BEE336E531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EA3E96B-CBB6-3C49-A743-98A233E35B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698517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7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ue text conten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5A62BB11-9EFF-F645-BCB6-C22776E9D0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32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030C526-47DC-3B45-BDB4-3CBB68F7E6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8E15B81-5BF2-6D47-B422-14E4A7A3C7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t>5/1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232541C-BDB6-9B41-BD0A-BEE336E531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EA3E96B-CBB6-3C49-A743-98A233E35B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  <p:sp>
        <p:nvSpPr>
          <p:cNvPr id="8" name="Content Placeholder 8">
            <a:extLst>
              <a:ext uri="{FF2B5EF4-FFF2-40B4-BE49-F238E27FC236}">
                <a16:creationId xmlns:a16="http://schemas.microsoft.com/office/drawing/2014/main" id="{604AF51F-FB00-E846-AA12-12BD9665EC05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5" y="1476000"/>
            <a:ext cx="5544000" cy="424815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844502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7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0E1B9C-4020-8D40-8114-6D2077D17E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t>5/1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5F6BFB6-8E76-E74C-8B47-4AA68D18E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1EDAD2-3870-D94F-A3B0-6B52A88720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813644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11412000" cy="720000"/>
          </a:xfrm>
        </p:spPr>
        <p:txBody>
          <a:bodyPr/>
          <a:lstStyle/>
          <a:p>
            <a:r>
              <a:rPr lang="en-US" dirty="0"/>
              <a:t>Click to edit title sty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-1947600" y="6285600"/>
            <a:ext cx="871122" cy="288000"/>
          </a:xfrm>
          <a:prstGeom prst="rect">
            <a:avLst/>
          </a:prstGeom>
        </p:spPr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  <a:prstGeom prst="rect">
            <a:avLst/>
          </a:prstGeom>
        </p:spPr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D311FF4A-6575-2B4F-8705-5DCE090EE65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255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82970272"/>
      </p:ext>
    </p:extLst>
  </p:cSld>
  <p:clrMapOvr>
    <a:masterClrMapping/>
  </p:clrMapOvr>
  <p:transition>
    <p:fade/>
  </p:transition>
</p:sldLayout>
</file>

<file path=ppt/slideLayouts/slideLayout18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Quot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5A62BB11-9EFF-F645-BCB6-C22776E9D0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3286125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0703C04-8D45-924B-BC45-6A7109C11F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EDF0389-2F78-6941-81DE-B9CAA34DCB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42C897D-5B61-914B-8ED5-263B924C2D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46A7E639-1729-EF45-A48C-17927EC5B25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800" y="3670125"/>
            <a:ext cx="10440000" cy="2632249"/>
          </a:xfrm>
        </p:spPr>
        <p:txBody>
          <a:bodyPr/>
          <a:lstStyle>
            <a:lvl1pPr>
              <a:lnSpc>
                <a:spcPts val="3600"/>
              </a:lnSpc>
              <a:spcAft>
                <a:spcPts val="2400"/>
              </a:spcAft>
              <a:defRPr sz="3200" spc="-50" baseline="0">
                <a:solidFill>
                  <a:schemeClr val="accent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9384851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>
    <p:ext uri="{DCECCB84-F9BA-43D5-87BE-67443E8EF086}">
      <p15:sldGuideLst xmlns:p15="http://schemas.microsoft.com/office/powerpoint/2012/main">
        <p15:guide id="1" pos="6825">
          <p15:clr>
            <a:srgbClr val="F26B43"/>
          </p15:clr>
        </p15:guide>
      </p15:sldGuideLst>
    </p:ext>
  </p:extLst>
</p:sldLayout>
</file>

<file path=ppt/slideLayouts/slideLayout181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FFAE1E6-1D19-48DA-A32C-D6513529919C}" type="datetime3">
              <a:rPr lang="en-US" altLang="en-US"/>
              <a:pPr>
                <a:defRPr/>
              </a:pPr>
              <a:t>18 May 2022</a:t>
            </a:fld>
            <a:endParaRPr lang="en-US" altLang="en-US"/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altLang="en-US"/>
              <a:t>Name of Project</a:t>
            </a: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CC4978B-5EC1-4885-B55D-2E97B15F37E7}" type="slidenum">
              <a:rPr lang="en-US" altLang="en-US"/>
              <a:pPr>
                <a:defRPr/>
              </a:pPr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25347256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8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hank You 1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  <a:noFill/>
        </p:spPr>
        <p:txBody>
          <a:bodyPr/>
          <a:lstStyle>
            <a:lvl1pPr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  <a:noFill/>
        </p:spPr>
        <p:txBody>
          <a:bodyPr/>
          <a:lstStyle>
            <a:lvl1pPr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tx1"/>
                </a:solidFill>
                <a:latin typeface="+mn-lt"/>
              </a:defRPr>
            </a:lvl1pPr>
            <a:lvl2pPr marL="216000" indent="-216000">
              <a:lnSpc>
                <a:spcPts val="3400"/>
              </a:lnSpc>
              <a:spcAft>
                <a:spcPts val="1200"/>
              </a:spcAft>
              <a:defRPr sz="3000">
                <a:solidFill>
                  <a:schemeClr val="tx1"/>
                </a:solidFill>
              </a:defRPr>
            </a:lvl2pPr>
            <a:lvl3pPr marL="57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tx1"/>
                </a:solidFill>
              </a:defRPr>
            </a:lvl3pPr>
            <a:lvl4pPr marL="129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tx1"/>
                </a:solidFill>
              </a:defRPr>
            </a:lvl4pPr>
            <a:lvl5pPr marL="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A2E6C500-BE65-7D4D-9151-1D3E24C5AED8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72E1410B-FD8A-F54E-8DB6-2A0E55511580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936000" y="0"/>
            <a:ext cx="5256000" cy="5256000"/>
          </a:xfrm>
          <a:custGeom>
            <a:avLst/>
            <a:gdLst>
              <a:gd name="connsiteX0" fmla="*/ 0 w 5256000"/>
              <a:gd name="connsiteY0" fmla="*/ 0 h 5256000"/>
              <a:gd name="connsiteX1" fmla="*/ 4380230 w 5256000"/>
              <a:gd name="connsiteY1" fmla="*/ 0 h 5256000"/>
              <a:gd name="connsiteX2" fmla="*/ 5256000 w 5256000"/>
              <a:gd name="connsiteY2" fmla="*/ 876229 h 5256000"/>
              <a:gd name="connsiteX3" fmla="*/ 4380230 w 5256000"/>
              <a:gd name="connsiteY3" fmla="*/ 876229 h 5256000"/>
              <a:gd name="connsiteX4" fmla="*/ 5256000 w 5256000"/>
              <a:gd name="connsiteY4" fmla="*/ 1752459 h 5256000"/>
              <a:gd name="connsiteX5" fmla="*/ 4380230 w 5256000"/>
              <a:gd name="connsiteY5" fmla="*/ 1752459 h 5256000"/>
              <a:gd name="connsiteX6" fmla="*/ 5256000 w 5256000"/>
              <a:gd name="connsiteY6" fmla="*/ 2628688 h 5256000"/>
              <a:gd name="connsiteX7" fmla="*/ 4380230 w 5256000"/>
              <a:gd name="connsiteY7" fmla="*/ 2628688 h 5256000"/>
              <a:gd name="connsiteX8" fmla="*/ 5256000 w 5256000"/>
              <a:gd name="connsiteY8" fmla="*/ 3503542 h 5256000"/>
              <a:gd name="connsiteX9" fmla="*/ 4380230 w 5256000"/>
              <a:gd name="connsiteY9" fmla="*/ 3503542 h 5256000"/>
              <a:gd name="connsiteX10" fmla="*/ 5256000 w 5256000"/>
              <a:gd name="connsiteY10" fmla="*/ 4379771 h 5256000"/>
              <a:gd name="connsiteX11" fmla="*/ 4380230 w 5256000"/>
              <a:gd name="connsiteY11" fmla="*/ 4379771 h 5256000"/>
              <a:gd name="connsiteX12" fmla="*/ 5256000 w 5256000"/>
              <a:gd name="connsiteY12" fmla="*/ 5256000 h 5256000"/>
              <a:gd name="connsiteX13" fmla="*/ 0 w 5256000"/>
              <a:gd name="connsiteY13" fmla="*/ 5256000 h 5256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5256000" h="5256000">
                <a:moveTo>
                  <a:pt x="0" y="0"/>
                </a:moveTo>
                <a:lnTo>
                  <a:pt x="4380230" y="0"/>
                </a:lnTo>
                <a:lnTo>
                  <a:pt x="5256000" y="876229"/>
                </a:lnTo>
                <a:lnTo>
                  <a:pt x="4380230" y="876229"/>
                </a:lnTo>
                <a:lnTo>
                  <a:pt x="5256000" y="1752459"/>
                </a:lnTo>
                <a:lnTo>
                  <a:pt x="4380230" y="1752459"/>
                </a:lnTo>
                <a:lnTo>
                  <a:pt x="5256000" y="2628688"/>
                </a:lnTo>
                <a:lnTo>
                  <a:pt x="4380230" y="2628688"/>
                </a:lnTo>
                <a:lnTo>
                  <a:pt x="5256000" y="3503542"/>
                </a:lnTo>
                <a:lnTo>
                  <a:pt x="4380230" y="3503542"/>
                </a:lnTo>
                <a:lnTo>
                  <a:pt x="5256000" y="4379771"/>
                </a:lnTo>
                <a:lnTo>
                  <a:pt x="4380230" y="4379771"/>
                </a:lnTo>
                <a:lnTo>
                  <a:pt x="5256000" y="5256000"/>
                </a:lnTo>
                <a:lnTo>
                  <a:pt x="0" y="5256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572311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EE705D-33B1-944B-8CE4-56B5C4C553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3BA5EA-FB73-8444-A40D-D9380E8C45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t>5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D0E20ED-4F03-A049-8598-82956CB897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9B7E5C-1573-9F4E-88D4-81D2D8850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3"/>
          </p:nvPr>
        </p:nvSpPr>
        <p:spPr>
          <a:xfrm>
            <a:off x="387625" y="1476000"/>
            <a:ext cx="11412000" cy="4248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38004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11412000" cy="720000"/>
          </a:xfrm>
        </p:spPr>
        <p:txBody>
          <a:bodyPr/>
          <a:lstStyle/>
          <a:p>
            <a:r>
              <a:rPr lang="en-US" dirty="0"/>
              <a:t>Click to edit title sty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D311FF4A-6575-2B4F-8705-5DCE090EE65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255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941034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8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5A62BB11-9EFF-F645-BCB6-C22776E9D0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32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0703C04-8D45-924B-BC45-6A7109C11F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EDF0389-2F78-6941-81DE-B9CAA34DCB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42C897D-5B61-914B-8ED5-263B924C2D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46A7E639-1729-EF45-A48C-17927EC5B25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800" y="331201"/>
            <a:ext cx="10440000" cy="3096000"/>
          </a:xfrm>
        </p:spPr>
        <p:txBody>
          <a:bodyPr/>
          <a:lstStyle>
            <a:lvl1pPr>
              <a:lnSpc>
                <a:spcPts val="5500"/>
              </a:lnSpc>
              <a:spcAft>
                <a:spcPts val="2400"/>
              </a:spcAft>
              <a:defRPr sz="5000" spc="-50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785218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>
    <p:ext uri="{DCECCB84-F9BA-43D5-87BE-67443E8EF086}">
      <p15:sldGuideLst xmlns:p15="http://schemas.microsoft.com/office/powerpoint/2012/main">
        <p15:guide id="1" pos="6825">
          <p15:clr>
            <a:srgbClr val="F26B43"/>
          </p15:clr>
        </p15:guide>
      </p15:sldGuideLst>
    </p:ext>
  </p:extLst>
</p:sldLayout>
</file>

<file path=ppt/slideLayouts/slideLayout18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screen_img_transi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5A62BB11-9EFF-F645-BCB6-C22776E9D0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32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0703C04-8D45-924B-BC45-6A7109C11F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EDF0389-2F78-6941-81DE-B9CAA34DCB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42C897D-5B61-914B-8ED5-263B924C2D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7A149394-4D07-864E-9E2A-539CE02EB30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5400000" cy="1881538"/>
          </a:xfrm>
        </p:spPr>
        <p:txBody>
          <a:bodyPr anchor="t" anchorCtr="0"/>
          <a:lstStyle>
            <a:lvl1pPr algn="l">
              <a:lnSpc>
                <a:spcPts val="4800"/>
              </a:lnSpc>
              <a:defRPr sz="4400" spc="-80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</a:t>
            </a:r>
            <a:br>
              <a:rPr lang="en-US" dirty="0"/>
            </a:br>
            <a:r>
              <a:rPr lang="en-US" dirty="0"/>
              <a:t>edit title </a:t>
            </a:r>
          </a:p>
        </p:txBody>
      </p:sp>
      <p:sp>
        <p:nvSpPr>
          <p:cNvPr id="10" name="Subtitle 2">
            <a:extLst>
              <a:ext uri="{FF2B5EF4-FFF2-40B4-BE49-F238E27FC236}">
                <a16:creationId xmlns:a16="http://schemas.microsoft.com/office/drawing/2014/main" id="{0CFEDDD2-D68A-E247-BA34-D7FF7F62186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88800" y="3384000"/>
            <a:ext cx="3600000" cy="10800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400"/>
              </a:lnSpc>
              <a:buNone/>
              <a:defRPr sz="3200">
                <a:solidFill>
                  <a:schemeClr val="bg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subtitle style</a:t>
            </a:r>
          </a:p>
        </p:txBody>
      </p:sp>
      <p:sp>
        <p:nvSpPr>
          <p:cNvPr id="11" name="Text Placeholder 2"/>
          <p:cNvSpPr>
            <a:spLocks noGrp="1"/>
          </p:cNvSpPr>
          <p:nvPr>
            <p:ph type="body" sz="quarter" idx="14" hasCustomPrompt="1"/>
          </p:nvPr>
        </p:nvSpPr>
        <p:spPr>
          <a:xfrm>
            <a:off x="388938" y="819506"/>
            <a:ext cx="2009775" cy="517915"/>
          </a:xfrm>
        </p:spPr>
        <p:txBody>
          <a:bodyPr/>
          <a:lstStyle>
            <a:lvl1pPr>
              <a:defRPr sz="36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N°</a:t>
            </a:r>
          </a:p>
        </p:txBody>
      </p:sp>
    </p:spTree>
    <p:extLst>
      <p:ext uri="{BB962C8B-B14F-4D97-AF65-F5344CB8AC3E}">
        <p14:creationId xmlns:p14="http://schemas.microsoft.com/office/powerpoint/2010/main" val="20284968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>
    <p:ext uri="{DCECCB84-F9BA-43D5-87BE-67443E8EF086}">
      <p15:sldGuideLst xmlns:p15="http://schemas.microsoft.com/office/powerpoint/2012/main">
        <p15:guide id="1" pos="6825">
          <p15:clr>
            <a:srgbClr val="F26B43"/>
          </p15:clr>
        </p15:guide>
      </p15:sldGuideLst>
    </p:ext>
  </p:extLst>
</p:sldLayout>
</file>

<file path=ppt/slideLayouts/slideLayout1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Fig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BC65874E-B7B2-864B-97BA-3B61A51574FB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143626" y="0"/>
            <a:ext cx="6048375" cy="6063798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0E1B9C-4020-8D40-8114-6D2077D17E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t>5/1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5F6BFB6-8E76-E74C-8B47-4AA68D18E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1EDAD2-3870-D94F-A3B0-6B52A88720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0700E41C-0494-6441-8E0D-BE244BFA449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59999" y="1008000"/>
            <a:ext cx="4348937" cy="1980000"/>
          </a:xfrm>
        </p:spPr>
        <p:txBody>
          <a:bodyPr anchor="t" anchorCtr="0"/>
          <a:lstStyle>
            <a:lvl1pPr>
              <a:lnSpc>
                <a:spcPct val="100000"/>
              </a:lnSpc>
              <a:defRPr sz="14000" b="0" i="0" spc="-200" baseline="0">
                <a:solidFill>
                  <a:schemeClr val="accent1"/>
                </a:solidFill>
                <a:latin typeface="Aktiv Grotesk Light" panose="020B0304020202020204" pitchFamily="34" charset="0"/>
              </a:defRPr>
            </a:lvl1pPr>
          </a:lstStyle>
          <a:p>
            <a:pPr lvl="0"/>
            <a:r>
              <a:rPr lang="en-US" dirty="0"/>
              <a:t>00%</a:t>
            </a:r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58B65A77-B204-F543-AF6D-4E63C03889B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937" y="2987999"/>
            <a:ext cx="4320000" cy="2736000"/>
          </a:xfrm>
        </p:spPr>
        <p:txBody>
          <a:bodyPr/>
          <a:lstStyle>
            <a:lvl1pPr>
              <a:lnSpc>
                <a:spcPts val="3400"/>
              </a:lnSpc>
              <a:spcAft>
                <a:spcPts val="1200"/>
              </a:spcAft>
              <a:defRPr sz="3000">
                <a:solidFill>
                  <a:schemeClr val="accent1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5988641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8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wo Content Multicolou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AEC5D76C-ED68-064B-A7A9-C9CDFF56C986}"/>
              </a:ext>
            </a:extLst>
          </p:cNvPr>
          <p:cNvSpPr/>
          <p:nvPr userDrawn="1"/>
        </p:nvSpPr>
        <p:spPr>
          <a:xfrm>
            <a:off x="6108001" y="0"/>
            <a:ext cx="6083999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</p:spPr>
        <p:txBody>
          <a:bodyPr/>
          <a:lstStyle>
            <a:lvl1pPr>
              <a:lnSpc>
                <a:spcPct val="90000"/>
              </a:lnSpc>
              <a:defRPr/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604AF51F-FB00-E846-AA12-12BD9665EC05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5" y="1476000"/>
            <a:ext cx="5544000" cy="424815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5BDFD5DA-5D4B-7D46-A2DE-B3296588BC41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256075" y="1476000"/>
            <a:ext cx="5543550" cy="424815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95A022EB-FA1E-DE4C-95B5-3863E488B3CB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56075" y="331200"/>
            <a:ext cx="5544000" cy="720000"/>
          </a:xfrm>
        </p:spPr>
        <p:txBody>
          <a:bodyPr/>
          <a:lstStyle>
            <a:lvl1pPr>
              <a:lnSpc>
                <a:spcPct val="90000"/>
              </a:lnSpc>
              <a:defRPr sz="50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lick to edit title</a:t>
            </a:r>
          </a:p>
        </p:txBody>
      </p:sp>
      <p:sp>
        <p:nvSpPr>
          <p:cNvPr id="15" name="Freeform 5">
            <a:extLst>
              <a:ext uri="{FF2B5EF4-FFF2-40B4-BE49-F238E27FC236}">
                <a16:creationId xmlns:a16="http://schemas.microsoft.com/office/drawing/2014/main" id="{041B81D9-D63C-3A45-B5D1-F0E0F712AC19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567081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8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4256A8C-F631-5048-933E-36BB2B7193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5ABC13E-3AAB-A84C-BD3A-6009A004F8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0E142A4-736B-DF4E-A72E-E936C45320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Media Placeholder 6">
            <a:extLst>
              <a:ext uri="{FF2B5EF4-FFF2-40B4-BE49-F238E27FC236}">
                <a16:creationId xmlns:a16="http://schemas.microsoft.com/office/drawing/2014/main" id="{38A3C210-3C6C-BB4E-AB18-520DA31DFF9D}"/>
              </a:ext>
            </a:extLst>
          </p:cNvPr>
          <p:cNvSpPr>
            <a:spLocks noGrp="1"/>
          </p:cNvSpPr>
          <p:nvPr>
            <p:ph type="media" sz="quarter" idx="13"/>
          </p:nvPr>
        </p:nvSpPr>
        <p:spPr>
          <a:xfrm>
            <a:off x="0" y="0"/>
            <a:ext cx="12192000" cy="6858000"/>
          </a:xfrm>
        </p:spPr>
        <p:txBody>
          <a:bodyPr anchor="ctr" anchorCtr="0"/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media</a:t>
            </a:r>
            <a:endParaRPr lang="en-GB" dirty="0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F8EBC734-0E89-CC45-A68A-9AA8FBB43BD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381549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0E1B9C-4020-8D40-8114-6D2077D17E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93EBFE3-289B-4FE0-8043-78956E77124E}" type="datetime1">
              <a:rPr lang="en-US" smtClean="0"/>
              <a:t>5/1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5F6BFB6-8E76-E74C-8B47-4AA68D18E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1EDAD2-3870-D94F-A3B0-6B52A88720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663945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9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30C526-47DC-3B45-BDB4-3CBB68F7E6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8E15B81-5BF2-6D47-B422-14E4A7A3C7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t>5/1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232541C-BDB6-9B41-BD0A-BEE336E531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EA3E96B-CBB6-3C49-A743-98A233E35B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56674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9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0E1B9C-4020-8D40-8114-6D2077D17E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t>5/1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5F6BFB6-8E76-E74C-8B47-4AA68D18E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1EDAD2-3870-D94F-A3B0-6B52A88720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099174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9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EE705D-33B1-944B-8CE4-56B5C4C553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3BA5EA-FB73-8444-A40D-D9380E8C45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3FD94D3-0380-4E0D-803F-642A6EB9E013}" type="datetime1">
              <a:rPr lang="en-US" smtClean="0"/>
              <a:t>5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D0E20ED-4F03-A049-8598-82956CB897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9B7E5C-1573-9F4E-88D4-81D2D8850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3"/>
          </p:nvPr>
        </p:nvSpPr>
        <p:spPr>
          <a:xfrm>
            <a:off x="387625" y="1476000"/>
            <a:ext cx="11412000" cy="42480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207799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9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11412000" cy="720000"/>
          </a:xfrm>
        </p:spPr>
        <p:txBody>
          <a:bodyPr/>
          <a:lstStyle/>
          <a:p>
            <a:r>
              <a:rPr lang="en-US" dirty="0"/>
              <a:t>Click to edit title sty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3A1AEE-76EE-4951-83DD-CE047958DD30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D311FF4A-6575-2B4F-8705-5DCE090EE65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255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545818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9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5A62BB11-9EFF-F645-BCB6-C22776E9D0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32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0703C04-8D45-924B-BC45-6A7109C11F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550CFE6-E51E-4D79-8EA6-43A71DE24571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EDF0389-2F78-6941-81DE-B9CAA34DCB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42C897D-5B61-914B-8ED5-263B924C2D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46A7E639-1729-EF45-A48C-17927EC5B25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800" y="331201"/>
            <a:ext cx="10440000" cy="3096000"/>
          </a:xfrm>
        </p:spPr>
        <p:txBody>
          <a:bodyPr/>
          <a:lstStyle>
            <a:lvl1pPr>
              <a:lnSpc>
                <a:spcPts val="5500"/>
              </a:lnSpc>
              <a:spcAft>
                <a:spcPts val="2400"/>
              </a:spcAft>
              <a:defRPr sz="5000" spc="-50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528197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>
    <p:ext uri="{DCECCB84-F9BA-43D5-87BE-67443E8EF086}">
      <p15:sldGuideLst xmlns:p15="http://schemas.microsoft.com/office/powerpoint/2012/main">
        <p15:guide id="1" pos="6825">
          <p15:clr>
            <a:srgbClr val="F26B43"/>
          </p15:clr>
        </p15:guide>
      </p15:sldGuideLst>
    </p:ext>
  </p:extLst>
</p:sldLayout>
</file>

<file path=ppt/slideLayouts/slideLayout1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Fig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BC65874E-B7B2-864B-97BA-3B61A51574FB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143626" y="0"/>
            <a:ext cx="6048375" cy="6063798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0E1B9C-4020-8D40-8114-6D2077D17E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2C74D4-0823-44BF-B782-280251858FAC}" type="datetime1">
              <a:rPr lang="en-US" smtClean="0"/>
              <a:t>5/1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5F6BFB6-8E76-E74C-8B47-4AA68D18E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1EDAD2-3870-D94F-A3B0-6B52A88720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0700E41C-0494-6441-8E0D-BE244BFA449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59999" y="1008000"/>
            <a:ext cx="4348937" cy="1980000"/>
          </a:xfrm>
        </p:spPr>
        <p:txBody>
          <a:bodyPr anchor="t" anchorCtr="0"/>
          <a:lstStyle>
            <a:lvl1pPr>
              <a:lnSpc>
                <a:spcPct val="100000"/>
              </a:lnSpc>
              <a:defRPr sz="14000" b="0" i="0" spc="-200" baseline="0">
                <a:solidFill>
                  <a:schemeClr val="accent1"/>
                </a:solidFill>
                <a:latin typeface="Aktiv Grotesk Light" panose="020B0304020202020204" pitchFamily="34" charset="0"/>
              </a:defRPr>
            </a:lvl1pPr>
          </a:lstStyle>
          <a:p>
            <a:pPr lvl="0"/>
            <a:r>
              <a:rPr lang="en-US" dirty="0"/>
              <a:t>00%</a:t>
            </a:r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58B65A77-B204-F543-AF6D-4E63C03889B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937" y="2987999"/>
            <a:ext cx="4320000" cy="2736000"/>
          </a:xfrm>
        </p:spPr>
        <p:txBody>
          <a:bodyPr/>
          <a:lstStyle>
            <a:lvl1pPr>
              <a:lnSpc>
                <a:spcPts val="3400"/>
              </a:lnSpc>
              <a:spcAft>
                <a:spcPts val="1200"/>
              </a:spcAft>
              <a:defRPr sz="3000">
                <a:solidFill>
                  <a:schemeClr val="accent1"/>
                </a:solidFill>
                <a:latin typeface="+mj-lt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7342770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9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wo Content Multicolou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AEC5D76C-ED68-064B-A7A9-C9CDFF56C986}"/>
              </a:ext>
            </a:extLst>
          </p:cNvPr>
          <p:cNvSpPr/>
          <p:nvPr userDrawn="1"/>
        </p:nvSpPr>
        <p:spPr>
          <a:xfrm>
            <a:off x="6108001" y="0"/>
            <a:ext cx="6083999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</p:spPr>
        <p:txBody>
          <a:bodyPr/>
          <a:lstStyle>
            <a:lvl1pPr>
              <a:lnSpc>
                <a:spcPct val="90000"/>
              </a:lnSpc>
              <a:defRPr/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C61A712-9C72-4CB3-B354-B9EF6B1A88EE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604AF51F-FB00-E846-AA12-12BD9665EC05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5" y="1476000"/>
            <a:ext cx="5544000" cy="424815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5BDFD5DA-5D4B-7D46-A2DE-B3296588BC41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256075" y="1476000"/>
            <a:ext cx="5543550" cy="424815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95A022EB-FA1E-DE4C-95B5-3863E488B3CB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56075" y="331200"/>
            <a:ext cx="5544000" cy="720000"/>
          </a:xfrm>
        </p:spPr>
        <p:txBody>
          <a:bodyPr/>
          <a:lstStyle>
            <a:lvl1pPr>
              <a:lnSpc>
                <a:spcPct val="90000"/>
              </a:lnSpc>
              <a:defRPr sz="50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lick to edit title</a:t>
            </a:r>
          </a:p>
        </p:txBody>
      </p:sp>
      <p:sp>
        <p:nvSpPr>
          <p:cNvPr id="15" name="Freeform 5">
            <a:extLst>
              <a:ext uri="{FF2B5EF4-FFF2-40B4-BE49-F238E27FC236}">
                <a16:creationId xmlns:a16="http://schemas.microsoft.com/office/drawing/2014/main" id="{041B81D9-D63C-3A45-B5D1-F0E0F712AC19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994136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9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4256A8C-F631-5048-933E-36BB2B7193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1F6BD1A-2C52-473A-974F-2975390C3EE1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5ABC13E-3AAB-A84C-BD3A-6009A004F8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0E142A4-736B-DF4E-A72E-E936C45320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Media Placeholder 6">
            <a:extLst>
              <a:ext uri="{FF2B5EF4-FFF2-40B4-BE49-F238E27FC236}">
                <a16:creationId xmlns:a16="http://schemas.microsoft.com/office/drawing/2014/main" id="{38A3C210-3C6C-BB4E-AB18-520DA31DFF9D}"/>
              </a:ext>
            </a:extLst>
          </p:cNvPr>
          <p:cNvSpPr>
            <a:spLocks noGrp="1"/>
          </p:cNvSpPr>
          <p:nvPr>
            <p:ph type="media" sz="quarter" idx="13"/>
          </p:nvPr>
        </p:nvSpPr>
        <p:spPr>
          <a:xfrm>
            <a:off x="0" y="0"/>
            <a:ext cx="12192000" cy="6858000"/>
          </a:xfrm>
        </p:spPr>
        <p:txBody>
          <a:bodyPr anchor="ctr" anchorCtr="0"/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media</a:t>
            </a:r>
            <a:endParaRPr lang="en-GB" dirty="0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F8EBC734-0E89-CC45-A68A-9AA8FBB43BD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837256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9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ue Title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9">
            <a:extLst>
              <a:ext uri="{FF2B5EF4-FFF2-40B4-BE49-F238E27FC236}">
                <a16:creationId xmlns:a16="http://schemas.microsoft.com/office/drawing/2014/main" id="{C2AE6FC5-3C68-EA4E-9993-6A6F5A9DADC2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32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7A149394-4D07-864E-9E2A-539CE02EB30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5400000" cy="1881538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 spc="-80" baseline="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 dirty="0"/>
              <a:t>Click to </a:t>
            </a:r>
            <a:br>
              <a:rPr lang="en-US" dirty="0"/>
            </a:br>
            <a:r>
              <a:rPr lang="en-US" dirty="0"/>
              <a:t>edit title </a:t>
            </a:r>
          </a:p>
        </p:txBody>
      </p:sp>
      <p:sp>
        <p:nvSpPr>
          <p:cNvPr id="7" name="Subtitle 2">
            <a:extLst>
              <a:ext uri="{FF2B5EF4-FFF2-40B4-BE49-F238E27FC236}">
                <a16:creationId xmlns:a16="http://schemas.microsoft.com/office/drawing/2014/main" id="{0CFEDDD2-D68A-E247-BA34-D7FF7F62186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88800" y="3384000"/>
            <a:ext cx="3600000" cy="10800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400"/>
              </a:lnSpc>
              <a:buNone/>
              <a:defRPr sz="3200">
                <a:solidFill>
                  <a:schemeClr val="accent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subtitle style</a:t>
            </a:r>
          </a:p>
        </p:txBody>
      </p:sp>
      <p:sp>
        <p:nvSpPr>
          <p:cNvPr id="12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3" name="Date Placeholder 3">
            <a:extLst>
              <a:ext uri="{FF2B5EF4-FFF2-40B4-BE49-F238E27FC236}">
                <a16:creationId xmlns:a16="http://schemas.microsoft.com/office/drawing/2014/main" id="{9F7F29FA-07B2-9246-BD54-54AEE122F8A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8800" y="6156000"/>
            <a:ext cx="3600000" cy="432000"/>
          </a:xfrm>
        </p:spPr>
        <p:txBody>
          <a:bodyPr/>
          <a:lstStyle>
            <a:lvl1pPr>
              <a:defRPr sz="2000">
                <a:solidFill>
                  <a:schemeClr val="accent1"/>
                </a:solidFill>
              </a:defRPr>
            </a:lvl1pPr>
          </a:lstStyle>
          <a:p>
            <a:fld id="{80534B1D-B2C6-4AFE-93AB-CB2BCA3281A8}" type="datetime1">
              <a:rPr lang="en-US" smtClean="0"/>
              <a:t>5/18/202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783241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9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30C526-47DC-3B45-BDB4-3CBB68F7E6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8E15B81-5BF2-6D47-B422-14E4A7A3C7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1B8F77-2F37-4B77-B795-F422F7B982B7}" type="datetime1">
              <a:rPr lang="en-US" smtClean="0"/>
              <a:t>5/1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232541C-BDB6-9B41-BD0A-BEE336E531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EA3E96B-CBB6-3C49-A743-98A233E35B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303317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11412000" cy="720000"/>
          </a:xfrm>
        </p:spPr>
        <p:txBody>
          <a:bodyPr/>
          <a:lstStyle/>
          <a:p>
            <a:r>
              <a:rPr lang="en-US" dirty="0"/>
              <a:t>Click to edit title sty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80A79EB-A87E-4AE5-A5A0-535C2805C550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D311FF4A-6575-2B4F-8705-5DCE090EE65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255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082682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FNZ Infographic Le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2C285E9-4603-49DF-BFC4-2726FBD3E03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A917C56-A37E-481F-8117-941CA0FF4D7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58435" y="1452563"/>
            <a:ext cx="3223965" cy="4498975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7BA04E5-4B6F-464F-85E5-A62D77BF60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09F85FC-4FAE-4106-B054-ADF267FB4718}" type="datetimeFigureOut">
              <a:rPr lang="en-US"/>
              <a:t>5/1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1B96FFE-7AED-4E9C-AF00-84954701A20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D269519-721F-44BA-BCE2-4F52FE1FB46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C073CD9-D43E-4538-83DC-4A020423CB90}" type="slidenum">
              <a:rPr lang="en-US"/>
              <a:t>‹#›</a:t>
            </a:fld>
            <a:endParaRPr lang="en-US"/>
          </a:p>
        </p:txBody>
      </p:sp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5B7BDE80-43D7-4249-81B1-1FEFCADE7E4D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09600" y="1452563"/>
            <a:ext cx="7302500" cy="4498975"/>
          </a:xfrm>
        </p:spPr>
        <p:txBody>
          <a:bodyPr/>
          <a:lstStyle/>
          <a:p>
            <a:r>
              <a:rPr lang="en-US"/>
              <a:t>Click icon to add picture</a:t>
            </a:r>
          </a:p>
        </p:txBody>
      </p:sp>
      <p:sp>
        <p:nvSpPr>
          <p:cNvPr id="10" name="Freeform 5">
            <a:extLst>
              <a:ext uri="{FF2B5EF4-FFF2-40B4-BE49-F238E27FC236}">
                <a16:creationId xmlns:a16="http://schemas.microsoft.com/office/drawing/2014/main" id="{E44AF57A-B2A4-4EEC-94D6-44A13DD3603E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00422792"/>
      </p:ext>
    </p:extLst>
  </p:cSld>
  <p:clrMapOvr>
    <a:masterClrMapping/>
  </p:clrMapOvr>
  <p:transition>
    <p:fade/>
  </p:transition>
</p:sldLayout>
</file>

<file path=ppt/slideLayouts/slideLayout20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ue text conten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5A62BB11-9EFF-F645-BCB6-C22776E9D0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32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030C526-47DC-3B45-BDB4-3CBB68F7E6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8E15B81-5BF2-6D47-B422-14E4A7A3C7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229275B-C80A-4288-ABAE-27A9EA0D16D1}" type="datetime1">
              <a:rPr lang="en-US" smtClean="0"/>
              <a:t>5/1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232541C-BDB6-9B41-BD0A-BEE336E531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EA3E96B-CBB6-3C49-A743-98A233E35B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  <p:sp>
        <p:nvSpPr>
          <p:cNvPr id="8" name="Content Placeholder 8">
            <a:extLst>
              <a:ext uri="{FF2B5EF4-FFF2-40B4-BE49-F238E27FC236}">
                <a16:creationId xmlns:a16="http://schemas.microsoft.com/office/drawing/2014/main" id="{604AF51F-FB00-E846-AA12-12BD9665EC05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5" y="1476000"/>
            <a:ext cx="5544000" cy="424815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420568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0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0E1B9C-4020-8D40-8114-6D2077D17E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9C242E-1DB7-4F13-AE51-6884949BD025}" type="datetime1">
              <a:rPr lang="en-US" smtClean="0"/>
              <a:t>5/1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5F6BFB6-8E76-E74C-8B47-4AA68D18E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1EDAD2-3870-D94F-A3B0-6B52A88720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470800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0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63084" y="4406903"/>
            <a:ext cx="103632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fld id="{C5BA1DA1-D6DA-42A4-9B60-FB1C8AB69889}" type="datetime1">
              <a:rPr lang="en-US" smtClean="0"/>
              <a:t>5/18/2022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2D2BD016-66E0-413E-B8F5-318F66BF71B6}" type="slidenum">
              <a:rPr lang="fr-FR"/>
              <a:pPr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5424596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0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hank You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  <a:noFill/>
        </p:spPr>
        <p:txBody>
          <a:bodyPr/>
          <a:lstStyle>
            <a:lvl1pPr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A2E6C500-BE65-7D4D-9151-1D3E24C5AED8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  <a:noFill/>
        </p:spPr>
        <p:txBody>
          <a:bodyPr/>
          <a:lstStyle>
            <a:lvl1pPr>
              <a:lnSpc>
                <a:spcPts val="3400"/>
              </a:lnSpc>
              <a:spcBef>
                <a:spcPts val="600"/>
              </a:spcBef>
              <a:spcAft>
                <a:spcPts val="600"/>
              </a:spcAft>
              <a:defRPr sz="3000">
                <a:solidFill>
                  <a:schemeClr val="tx1"/>
                </a:solidFill>
                <a:latin typeface="+mn-lt"/>
              </a:defRPr>
            </a:lvl1pPr>
            <a:lvl2pPr marL="216000" indent="-216000">
              <a:lnSpc>
                <a:spcPts val="3400"/>
              </a:lnSpc>
              <a:spcAft>
                <a:spcPts val="1200"/>
              </a:spcAft>
              <a:defRPr sz="3000">
                <a:solidFill>
                  <a:schemeClr val="tx1"/>
                </a:solidFill>
              </a:defRPr>
            </a:lvl2pPr>
            <a:lvl3pPr marL="57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tx1"/>
                </a:solidFill>
              </a:defRPr>
            </a:lvl3pPr>
            <a:lvl4pPr marL="129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tx1"/>
                </a:solidFill>
              </a:defRPr>
            </a:lvl4pPr>
            <a:lvl5pPr marL="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0" name="Picture Placeholder 8">
            <a:extLst>
              <a:ext uri="{FF2B5EF4-FFF2-40B4-BE49-F238E27FC236}">
                <a16:creationId xmlns:a16="http://schemas.microsoft.com/office/drawing/2014/main" id="{DBA1A7DB-C9F4-CF46-A300-1E25FFA0C866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943200" y="0"/>
            <a:ext cx="5248800" cy="5249688"/>
          </a:xfrm>
          <a:custGeom>
            <a:avLst/>
            <a:gdLst>
              <a:gd name="connsiteX0" fmla="*/ 0 w 5248800"/>
              <a:gd name="connsiteY0" fmla="*/ 0 h 5249688"/>
              <a:gd name="connsiteX1" fmla="*/ 5248800 w 5248800"/>
              <a:gd name="connsiteY1" fmla="*/ 0 h 5249688"/>
              <a:gd name="connsiteX2" fmla="*/ 5248800 w 5248800"/>
              <a:gd name="connsiteY2" fmla="*/ 4375266 h 5249688"/>
              <a:gd name="connsiteX3" fmla="*/ 4372800 w 5248800"/>
              <a:gd name="connsiteY3" fmla="*/ 5249688 h 5249688"/>
              <a:gd name="connsiteX4" fmla="*/ 4372800 w 5248800"/>
              <a:gd name="connsiteY4" fmla="*/ 4375266 h 5249688"/>
              <a:gd name="connsiteX5" fmla="*/ 3496800 w 5248800"/>
              <a:gd name="connsiteY5" fmla="*/ 5249688 h 5249688"/>
              <a:gd name="connsiteX6" fmla="*/ 3496800 w 5248800"/>
              <a:gd name="connsiteY6" fmla="*/ 4375266 h 5249688"/>
              <a:gd name="connsiteX7" fmla="*/ 2620800 w 5248800"/>
              <a:gd name="connsiteY7" fmla="*/ 5249688 h 5249688"/>
              <a:gd name="connsiteX8" fmla="*/ 2620800 w 5248800"/>
              <a:gd name="connsiteY8" fmla="*/ 4375266 h 5249688"/>
              <a:gd name="connsiteX9" fmla="*/ 1744800 w 5248800"/>
              <a:gd name="connsiteY9" fmla="*/ 5249688 h 5249688"/>
              <a:gd name="connsiteX10" fmla="*/ 1744800 w 5248800"/>
              <a:gd name="connsiteY10" fmla="*/ 4375266 h 5249688"/>
              <a:gd name="connsiteX11" fmla="*/ 868800 w 5248800"/>
              <a:gd name="connsiteY11" fmla="*/ 5249688 h 5249688"/>
              <a:gd name="connsiteX12" fmla="*/ 868800 w 5248800"/>
              <a:gd name="connsiteY12" fmla="*/ 4375266 h 5249688"/>
              <a:gd name="connsiteX13" fmla="*/ 0 w 5248800"/>
              <a:gd name="connsiteY13" fmla="*/ 5242501 h 52496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5248800" h="5249688">
                <a:moveTo>
                  <a:pt x="0" y="0"/>
                </a:moveTo>
                <a:lnTo>
                  <a:pt x="5248800" y="0"/>
                </a:lnTo>
                <a:lnTo>
                  <a:pt x="5248800" y="4375266"/>
                </a:lnTo>
                <a:lnTo>
                  <a:pt x="4372800" y="5249688"/>
                </a:lnTo>
                <a:lnTo>
                  <a:pt x="4372800" y="4375266"/>
                </a:lnTo>
                <a:lnTo>
                  <a:pt x="3496800" y="5249688"/>
                </a:lnTo>
                <a:lnTo>
                  <a:pt x="3496800" y="4375266"/>
                </a:lnTo>
                <a:lnTo>
                  <a:pt x="2620800" y="5249688"/>
                </a:lnTo>
                <a:lnTo>
                  <a:pt x="2620800" y="4375266"/>
                </a:lnTo>
                <a:lnTo>
                  <a:pt x="1744800" y="5249688"/>
                </a:lnTo>
                <a:lnTo>
                  <a:pt x="1744800" y="4375266"/>
                </a:lnTo>
                <a:lnTo>
                  <a:pt x="868800" y="5249688"/>
                </a:lnTo>
                <a:lnTo>
                  <a:pt x="868800" y="4375266"/>
                </a:lnTo>
                <a:lnTo>
                  <a:pt x="0" y="5242501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defRPr sz="20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148796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04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FFAE1E6-1D19-48DA-A32C-D6513529919C}" type="datetime3">
              <a:rPr lang="en-US" altLang="en-US"/>
              <a:pPr>
                <a:defRPr/>
              </a:pPr>
              <a:t>18 May 2022</a:t>
            </a:fld>
            <a:endParaRPr lang="en-US" altLang="en-US"/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altLang="en-US"/>
              <a:t>Name of Project</a:t>
            </a:r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CC4978B-5EC1-4885-B55D-2E97B15F37E7}" type="slidenum">
              <a:rPr lang="en-US" altLang="en-US"/>
              <a:pPr>
                <a:defRPr/>
              </a:pPr>
              <a:t>‹#›</a:t>
            </a:fld>
            <a:endParaRPr lang="en-US" altLang="en-US"/>
          </a:p>
        </p:txBody>
      </p:sp>
    </p:spTree>
    <p:extLst>
      <p:ext uri="{BB962C8B-B14F-4D97-AF65-F5344CB8AC3E}">
        <p14:creationId xmlns:p14="http://schemas.microsoft.com/office/powerpoint/2010/main" val="1991238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0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sz="quarter" idx="13"/>
          </p:nvPr>
        </p:nvSpPr>
        <p:spPr>
          <a:xfrm>
            <a:off x="387625" y="1476000"/>
            <a:ext cx="11412000" cy="42480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BCF70B16-9173-4605-8852-01FCF762018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604F36A-EE50-4EE8-B507-FCC1EC014160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5ACEA59B-9083-4AB4-BAE2-3F12A09D867C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35E8D667-4E1E-45CD-B330-B95D9365915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AB62A1CB-9E39-4741-826A-9C123516D598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291479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0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11412000" cy="720000"/>
          </a:xfrm>
        </p:spPr>
        <p:txBody>
          <a:bodyPr/>
          <a:lstStyle/>
          <a:p>
            <a:r>
              <a:rPr lang="en-US" dirty="0"/>
              <a:t>Click to edit title sty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013172" y="6285600"/>
            <a:ext cx="871122" cy="288000"/>
          </a:xfrm>
        </p:spPr>
        <p:txBody>
          <a:bodyPr/>
          <a:lstStyle/>
          <a:p>
            <a:fld id="{5E335379-D90C-4ABA-B318-79CCB60505DC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5733625" y="6286014"/>
            <a:ext cx="720000" cy="288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D311FF4A-6575-2B4F-8705-5DCE090EE65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255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37562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0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Grey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11412000" cy="720000"/>
          </a:xfrm>
        </p:spPr>
        <p:txBody>
          <a:bodyPr/>
          <a:lstStyle/>
          <a:p>
            <a:r>
              <a:rPr lang="en-US" dirty="0"/>
              <a:t>Click to edit title sty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3486555-4105-4DC1-B337-A51F31BE7676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D311FF4A-6575-2B4F-8705-5DCE090EE65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255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187768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0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Grey 2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</p:spPr>
        <p:txBody>
          <a:bodyPr/>
          <a:lstStyle/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CCFF33-CC40-4A52-99AE-6FDE0D40F1CF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1" name="Picture Placeholder 12">
            <a:extLst>
              <a:ext uri="{FF2B5EF4-FFF2-40B4-BE49-F238E27FC236}">
                <a16:creationId xmlns:a16="http://schemas.microsoft.com/office/drawing/2014/main" id="{ABFFE6FA-CCB2-E944-AE78-BE364F701249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143626" y="0"/>
            <a:ext cx="6048375" cy="6063798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476509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0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wo Content Multicolou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AEC5D76C-ED68-064B-A7A9-C9CDFF56C986}"/>
              </a:ext>
            </a:extLst>
          </p:cNvPr>
          <p:cNvSpPr/>
          <p:nvPr userDrawn="1"/>
        </p:nvSpPr>
        <p:spPr>
          <a:xfrm>
            <a:off x="6108001" y="0"/>
            <a:ext cx="6083999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</p:spPr>
        <p:txBody>
          <a:bodyPr/>
          <a:lstStyle>
            <a:lvl1pPr>
              <a:lnSpc>
                <a:spcPct val="90000"/>
              </a:lnSpc>
              <a:defRPr/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476BA36-0D54-4861-9CFB-D3C082E6FA9B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604AF51F-FB00-E846-AA12-12BD9665EC05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5" y="1476000"/>
            <a:ext cx="5544000" cy="424815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5BDFD5DA-5D4B-7D46-A2DE-B3296588BC41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256075" y="1476000"/>
            <a:ext cx="5543550" cy="424815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95A022EB-FA1E-DE4C-95B5-3863E488B3CB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56075" y="331200"/>
            <a:ext cx="5544000" cy="720000"/>
          </a:xfrm>
        </p:spPr>
        <p:txBody>
          <a:bodyPr/>
          <a:lstStyle>
            <a:lvl1pPr>
              <a:lnSpc>
                <a:spcPct val="90000"/>
              </a:lnSpc>
              <a:defRPr sz="50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lick to edit title</a:t>
            </a:r>
          </a:p>
        </p:txBody>
      </p:sp>
      <p:sp>
        <p:nvSpPr>
          <p:cNvPr id="15" name="Freeform 5">
            <a:extLst>
              <a:ext uri="{FF2B5EF4-FFF2-40B4-BE49-F238E27FC236}">
                <a16:creationId xmlns:a16="http://schemas.microsoft.com/office/drawing/2014/main" id="{041B81D9-D63C-3A45-B5D1-F0E0F712AC19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603757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WHITE_Title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4D976F-6FAA-4B37-814C-E2540D4155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0BFC25-F2D8-40D7-96BA-C0F78F6A687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82CEB40-7C69-47E5-9106-E566935D3F53}" type="datetime3">
              <a:rPr lang="en-US" smtClean="0"/>
              <a:pPr/>
              <a:t>18 May 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0EEA34B-ADB0-4A9B-A944-DB4F9AB7A2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2EE72B-8C4F-4C4B-8E3A-D7A4D706EB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9E037E20-29EF-410F-AA70-D50FAE88B30D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83988302"/>
      </p:ext>
    </p:extLst>
  </p:cSld>
  <p:clrMapOvr>
    <a:masterClrMapping/>
  </p:clrMapOvr>
  <p:transition>
    <p:fade/>
  </p:transition>
</p:sldLayout>
</file>

<file path=ppt/slideLayouts/slideLayout2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5A62BB11-9EFF-F645-BCB6-C22776E9D0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32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0703C04-8D45-924B-BC45-6A7109C11F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9DDF13-B8DE-440E-A518-F2833607D808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EDF0389-2F78-6941-81DE-B9CAA34DCB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42C897D-5B61-914B-8ED5-263B924C2D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46A7E639-1729-EF45-A48C-17927EC5B25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800" y="331201"/>
            <a:ext cx="10440000" cy="3096000"/>
          </a:xfrm>
        </p:spPr>
        <p:txBody>
          <a:bodyPr/>
          <a:lstStyle>
            <a:lvl1pPr>
              <a:lnSpc>
                <a:spcPts val="5500"/>
              </a:lnSpc>
              <a:spcAft>
                <a:spcPts val="2400"/>
              </a:spcAft>
              <a:defRPr sz="5000" spc="-50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397887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>
    <p:ext uri="{DCECCB84-F9BA-43D5-87BE-67443E8EF086}">
      <p15:sldGuideLst xmlns:p15="http://schemas.microsoft.com/office/powerpoint/2012/main">
        <p15:guide id="1" pos="6825">
          <p15:clr>
            <a:srgbClr val="F26B43"/>
          </p15:clr>
        </p15:guide>
      </p15:sldGuideLst>
    </p:ext>
  </p:extLst>
</p:sldLayout>
</file>

<file path=ppt/slideLayouts/slideLayout2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Fig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BC65874E-B7B2-864B-97BA-3B61A51574FB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143626" y="0"/>
            <a:ext cx="6048375" cy="6063798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0E1B9C-4020-8D40-8114-6D2077D17E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C98C10-868F-4E61-97E2-239027AD863B}" type="datetime1">
              <a:rPr lang="en-US" smtClean="0"/>
              <a:t>5/1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5F6BFB6-8E76-E74C-8B47-4AA68D18E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1EDAD2-3870-D94F-A3B0-6B52A88720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0700E41C-0494-6441-8E0D-BE244BFA449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59999" y="1008000"/>
            <a:ext cx="4348937" cy="1980000"/>
          </a:xfrm>
        </p:spPr>
        <p:txBody>
          <a:bodyPr anchor="t" anchorCtr="0"/>
          <a:lstStyle>
            <a:lvl1pPr>
              <a:lnSpc>
                <a:spcPct val="100000"/>
              </a:lnSpc>
              <a:defRPr sz="14000" b="0" i="0" spc="-150" baseline="0">
                <a:solidFill>
                  <a:schemeClr val="accent1"/>
                </a:solidFill>
                <a:latin typeface="Aktiv Grotesk Thin" panose="020B0404020202020204" pitchFamily="34" charset="0"/>
                <a:cs typeface="Aktiv Grotesk Thin" panose="020B0404020202020204" pitchFamily="34" charset="0"/>
              </a:defRPr>
            </a:lvl1pPr>
          </a:lstStyle>
          <a:p>
            <a:pPr lvl="0"/>
            <a:r>
              <a:rPr lang="en-US" dirty="0"/>
              <a:t>00%</a:t>
            </a:r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58B65A77-B204-F543-AF6D-4E63C03889B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937" y="2987999"/>
            <a:ext cx="4320000" cy="2736000"/>
          </a:xfrm>
        </p:spPr>
        <p:txBody>
          <a:bodyPr/>
          <a:lstStyle>
            <a:lvl1pPr>
              <a:lnSpc>
                <a:spcPts val="3400"/>
              </a:lnSpc>
              <a:spcAft>
                <a:spcPts val="1200"/>
              </a:spcAft>
              <a:defRPr sz="3000">
                <a:solidFill>
                  <a:schemeClr val="accent1"/>
                </a:solidFill>
                <a:latin typeface="+mj-lt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9423183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4256A8C-F631-5048-933E-36BB2B7193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7BF11B-BFB4-47DF-B971-63BC6E8CFC72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5ABC13E-3AAB-A84C-BD3A-6009A004F8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0E142A4-736B-DF4E-A72E-E936C45320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Media Placeholder 6">
            <a:extLst>
              <a:ext uri="{FF2B5EF4-FFF2-40B4-BE49-F238E27FC236}">
                <a16:creationId xmlns:a16="http://schemas.microsoft.com/office/drawing/2014/main" id="{38A3C210-3C6C-BB4E-AB18-520DA31DFF9D}"/>
              </a:ext>
            </a:extLst>
          </p:cNvPr>
          <p:cNvSpPr>
            <a:spLocks noGrp="1"/>
          </p:cNvSpPr>
          <p:nvPr>
            <p:ph type="media" sz="quarter" idx="13"/>
          </p:nvPr>
        </p:nvSpPr>
        <p:spPr>
          <a:xfrm>
            <a:off x="0" y="0"/>
            <a:ext cx="12192000" cy="6858000"/>
          </a:xfrm>
        </p:spPr>
        <p:txBody>
          <a:bodyPr anchor="ctr" anchorCtr="0"/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media</a:t>
            </a:r>
            <a:endParaRPr lang="en-GB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872126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30C526-47DC-3B45-BDB4-3CBB68F7E6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8E15B81-5BF2-6D47-B422-14E4A7A3C7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933A36-3448-4A3C-9478-8E29ABDF1262}" type="datetime1">
              <a:rPr lang="en-US" smtClean="0"/>
              <a:t>5/1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232541C-BDB6-9B41-BD0A-BEE336E531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EA3E96B-CBB6-3C49-A743-98A233E35B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880723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1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0E1B9C-4020-8D40-8114-6D2077D17E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803F0A-4276-4615-849D-E4DC8A3C4CFD}" type="datetime1">
              <a:rPr lang="en-US" smtClean="0"/>
              <a:t>5/1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5F6BFB6-8E76-E74C-8B47-4AA68D18E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1EDAD2-3870-D94F-A3B0-6B52A88720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317036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Quot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0703C04-8D45-924B-BC45-6A7109C11F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E59CA9-2236-478D-BD18-145AAF14C785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EDF0389-2F78-6941-81DE-B9CAA34DCB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42C897D-5B61-914B-8ED5-263B924C2D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5900D65B-C254-C040-BE55-1863269FED4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8800" y="331200"/>
            <a:ext cx="11412000" cy="5382000"/>
          </a:xfrm>
        </p:spPr>
        <p:txBody>
          <a:bodyPr/>
          <a:lstStyle>
            <a:lvl1pPr>
              <a:lnSpc>
                <a:spcPts val="5500"/>
              </a:lnSpc>
              <a:spcAft>
                <a:spcPts val="2400"/>
              </a:spcAft>
              <a:defRPr sz="5000" spc="-50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Edit Master text styles</a:t>
            </a:r>
            <a:endParaRPr lang="en-GB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D9513F60-BD94-774E-8D4C-D510EB4242D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10325" y="5919005"/>
            <a:ext cx="900000" cy="562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977846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1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Defaul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902025198"/>
      </p:ext>
    </p:extLst>
  </p:cSld>
  <p:clrMapOvr>
    <a:masterClrMapping/>
  </p:clrMapOvr>
</p:sldLayout>
</file>

<file path=ppt/slideLayouts/slideLayout2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_Title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9040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9040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BEE11BD8-6580-41DD-940E-B1D1B8B2E210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18 May 2022</a:t>
            </a:fld>
            <a:endParaRPr lang="en-US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897A30E8-35A3-4CE7-93BA-293D648C86FF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69738BE3-1506-4C98-A8EE-0BB4912D32C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6134905"/>
      </p:ext>
    </p:extLst>
  </p:cSld>
  <p:clrMapOvr>
    <a:masterClrMapping/>
  </p:clrMapOvr>
  <p:transition>
    <p:fade/>
  </p:transition>
</p:sldLayout>
</file>

<file path=ppt/slideLayouts/slideLayout21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WHITE_TextSlide_1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0821CC-265E-473E-BD96-BC93B6A49D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4C4D5EE-B9EC-4B8B-B697-CD3B955461AE}"/>
              </a:ext>
            </a:extLst>
          </p:cNvPr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98937FE-5C9B-40C9-8C55-48EB04CA346C}" type="datetime3">
              <a:rPr lang="en-US" smtClean="0"/>
              <a:pPr/>
              <a:t>18 May 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D518933-C06B-479E-8487-1189C2548F67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86990256"/>
      </p:ext>
    </p:extLst>
  </p:cSld>
  <p:clrMapOvr>
    <a:masterClrMapping/>
  </p:clrMapOvr>
  <p:transition>
    <p:fade/>
  </p:transition>
</p:sldLayout>
</file>

<file path=ppt/slideLayouts/slideLayout21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WHITE_TextSlide_2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29324" cy="609398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871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Sixth level</a:t>
            </a:r>
          </a:p>
          <a:p>
            <a:pPr lvl="6"/>
            <a:r>
              <a:rPr lang="en-US" dirty="0"/>
              <a:t>Seventh level</a:t>
            </a:r>
          </a:p>
          <a:p>
            <a:pPr lvl="7"/>
            <a:r>
              <a:rPr lang="en-US" dirty="0"/>
              <a:t>Eighth level</a:t>
            </a:r>
          </a:p>
          <a:p>
            <a:pPr lvl="8"/>
            <a:r>
              <a:rPr lang="en-US" dirty="0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97C326BA-A1F7-4E33-88FC-B76359D35FF4}" type="datetime3">
              <a:rPr lang="en-US" smtClean="0"/>
              <a:pPr/>
              <a:t>18 May 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5B7B4106-2F1F-45B9-9A64-FAC3DF7E09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71820792"/>
      </p:ext>
    </p:extLst>
  </p:cSld>
  <p:clrMapOvr>
    <a:masterClrMapping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EE705D-33B1-944B-8CE4-56B5C4C553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3BA5EA-FB73-8444-A40D-D9380E8C45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F6C845-A32C-44B7-A75D-5F62CE485E1D}" type="datetime1">
              <a:rPr lang="en-US" smtClean="0"/>
              <a:t>5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D0E20ED-4F03-A049-8598-82956CB897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9B7E5C-1573-9F4E-88D4-81D2D8850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3"/>
          </p:nvPr>
        </p:nvSpPr>
        <p:spPr>
          <a:xfrm>
            <a:off x="387624" y="1476000"/>
            <a:ext cx="11412000" cy="4248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013047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2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WHITE_Title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4D976F-6FAA-4B37-814C-E2540D4155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0BFC25-F2D8-40D7-96BA-C0F78F6A687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82CEB40-7C69-47E5-9106-E566935D3F53}" type="datetime3">
              <a:rPr lang="en-US" smtClean="0"/>
              <a:pPr/>
              <a:t>18 May 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0EEA34B-ADB0-4A9B-A944-DB4F9AB7A2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2EE72B-8C4F-4C4B-8E3A-D7A4D706EB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9E037E20-29EF-410F-AA70-D50FAE88B30D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55682576"/>
      </p:ext>
    </p:extLst>
  </p:cSld>
  <p:clrMapOvr>
    <a:masterClrMapping/>
  </p:clrMapOvr>
  <p:transition>
    <p:fade/>
  </p:transition>
</p:sldLayout>
</file>

<file path=ppt/slideLayouts/slideLayout22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WHIT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reeform 5">
            <a:extLst>
              <a:ext uri="{FF2B5EF4-FFF2-40B4-BE49-F238E27FC236}">
                <a16:creationId xmlns:a16="http://schemas.microsoft.com/office/drawing/2014/main" id="{1A86010D-9F01-497B-8478-6CF04E7FA29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358FB484-E257-4956-8FB5-C4732E1049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18 May 2022</a:t>
            </a:fld>
            <a:endParaRPr lang="en-US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9AF5AAFD-95B3-4157-BBB5-7CC40DB355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A34BD8F-0033-4927-AA44-05B0484E30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56566406"/>
      </p:ext>
    </p:extLst>
  </p:cSld>
  <p:clrMapOvr>
    <a:masterClrMapping/>
  </p:clrMapOvr>
  <p:transition>
    <p:fade/>
  </p:transition>
</p:sldLayout>
</file>

<file path=ppt/slideLayouts/slideLayout2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ThankYou-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DBB8F16C-570A-470A-AC41-3DFDC1411C3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48425" y="0"/>
            <a:ext cx="5753100" cy="5753100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5742127 w 5753100"/>
              <a:gd name="connsiteY3" fmla="*/ 5753100 h 5753100"/>
              <a:gd name="connsiteX4" fmla="*/ 4388 w 5753100"/>
              <a:gd name="connsiteY4" fmla="*/ 297076 h 5753100"/>
              <a:gd name="connsiteX5" fmla="*/ 0 w 5753100"/>
              <a:gd name="connsiteY5" fmla="*/ 123264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5742127" y="5753100"/>
                </a:lnTo>
                <a:cubicBezTo>
                  <a:pt x="2667478" y="5753100"/>
                  <a:pt x="158214" y="3337026"/>
                  <a:pt x="4388" y="297076"/>
                </a:cubicBezTo>
                <a:lnTo>
                  <a:pt x="0" y="123264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547513D5-8313-4D89-8E49-067C97135D8A}" type="datetime3">
              <a:rPr lang="en-US" smtClean="0"/>
              <a:pPr/>
              <a:t>18 May 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3048000"/>
          </a:xfrm>
        </p:spPr>
        <p:txBody>
          <a:bodyPr anchor="t" anchorCtr="0"/>
          <a:lstStyle>
            <a:lvl1pPr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0" y="3429000"/>
            <a:ext cx="4736592" cy="243853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Edit contact or sign off information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0F5EA913-91DE-4286-B6E6-13E414E8221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58579000"/>
      </p:ext>
    </p:extLst>
  </p:cSld>
  <p:clrMapOvr>
    <a:masterClrMapping/>
  </p:clrMapOvr>
  <p:transition>
    <p:fade/>
  </p:transition>
</p:sldLayout>
</file>

<file path=ppt/slideLayouts/slideLayout2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Styl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92E2A5-0A94-224E-8A8B-B758F5D4968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7200000" cy="18720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 spc="-80" baseline="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 dirty="0"/>
              <a:t>Click to edit</a:t>
            </a:r>
            <a:br>
              <a:rPr lang="en-US" dirty="0"/>
            </a:br>
            <a:r>
              <a:rPr lang="en-US" dirty="0"/>
              <a:t>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CFEDDD2-D68A-E247-BA34-D7FF7F62186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88800" y="3384000"/>
            <a:ext cx="3600000" cy="10800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400"/>
              </a:lnSpc>
              <a:buNone/>
              <a:defRPr sz="3200">
                <a:solidFill>
                  <a:schemeClr val="accent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F7F29FA-07B2-9246-BD54-54AEE122F8A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8800" y="6156000"/>
            <a:ext cx="3600000" cy="432000"/>
          </a:xfrm>
        </p:spPr>
        <p:txBody>
          <a:bodyPr/>
          <a:lstStyle>
            <a:lvl1pPr>
              <a:defRPr sz="2000">
                <a:solidFill>
                  <a:schemeClr val="accent1"/>
                </a:solidFill>
              </a:defRPr>
            </a:lvl1pPr>
          </a:lstStyle>
          <a:p>
            <a:fld id="{F76928BC-837A-46EF-828A-91EBEB0416D0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DD5AB6-3BDE-8946-9C08-9BEBB7A271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63357B-3FE8-5841-80A6-42A2944A83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-1947600" y="6285600"/>
            <a:ext cx="720000" cy="288000"/>
          </a:xfrm>
        </p:spPr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8" name="Picture Placeholder 14">
            <a:extLst>
              <a:ext uri="{FF2B5EF4-FFF2-40B4-BE49-F238E27FC236}">
                <a16:creationId xmlns:a16="http://schemas.microsoft.com/office/drawing/2014/main" id="{DC2DEB31-5E37-0B41-AEA9-67D88C042BF1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7599600" y="-1"/>
            <a:ext cx="4597199" cy="4593599"/>
          </a:xfrm>
          <a:custGeom>
            <a:avLst/>
            <a:gdLst>
              <a:gd name="connsiteX0" fmla="*/ 0 w 4597199"/>
              <a:gd name="connsiteY0" fmla="*/ 0 h 4593599"/>
              <a:gd name="connsiteX1" fmla="*/ 4597199 w 4597199"/>
              <a:gd name="connsiteY1" fmla="*/ 0 h 4593599"/>
              <a:gd name="connsiteX2" fmla="*/ 4597199 w 4597199"/>
              <a:gd name="connsiteY2" fmla="*/ 4593599 h 4593599"/>
              <a:gd name="connsiteX3" fmla="*/ 761399 w 4597199"/>
              <a:gd name="connsiteY3" fmla="*/ 4593599 h 4593599"/>
              <a:gd name="connsiteX4" fmla="*/ 0 w 4597199"/>
              <a:gd name="connsiteY4" fmla="*/ 3833781 h 4593599"/>
              <a:gd name="connsiteX5" fmla="*/ 0 w 4597199"/>
              <a:gd name="connsiteY5" fmla="*/ 3828704 h 4593599"/>
              <a:gd name="connsiteX6" fmla="*/ 761400 w 4597199"/>
              <a:gd name="connsiteY6" fmla="*/ 3828704 h 4593599"/>
              <a:gd name="connsiteX7" fmla="*/ 0 w 4597199"/>
              <a:gd name="connsiteY7" fmla="*/ 3068885 h 4593599"/>
              <a:gd name="connsiteX8" fmla="*/ 0 w 4597199"/>
              <a:gd name="connsiteY8" fmla="*/ 3063809 h 4593599"/>
              <a:gd name="connsiteX9" fmla="*/ 761400 w 4597199"/>
              <a:gd name="connsiteY9" fmla="*/ 3063809 h 4593599"/>
              <a:gd name="connsiteX10" fmla="*/ 0 w 4597199"/>
              <a:gd name="connsiteY10" fmla="*/ 2301191 h 4593599"/>
              <a:gd name="connsiteX11" fmla="*/ 0 w 4597199"/>
              <a:gd name="connsiteY11" fmla="*/ 2296096 h 4593599"/>
              <a:gd name="connsiteX12" fmla="*/ 761400 w 4597199"/>
              <a:gd name="connsiteY12" fmla="*/ 2296096 h 4593599"/>
              <a:gd name="connsiteX13" fmla="*/ 0 w 4597199"/>
              <a:gd name="connsiteY13" fmla="*/ 1536277 h 4593599"/>
              <a:gd name="connsiteX14" fmla="*/ 0 w 4597199"/>
              <a:gd name="connsiteY14" fmla="*/ 1531200 h 4593599"/>
              <a:gd name="connsiteX15" fmla="*/ 761400 w 4597199"/>
              <a:gd name="connsiteY15" fmla="*/ 1531200 h 4593599"/>
              <a:gd name="connsiteX16" fmla="*/ 0 w 4597199"/>
              <a:gd name="connsiteY16" fmla="*/ 771381 h 4593599"/>
              <a:gd name="connsiteX17" fmla="*/ 0 w 4597199"/>
              <a:gd name="connsiteY17" fmla="*/ 766304 h 4593599"/>
              <a:gd name="connsiteX18" fmla="*/ 761400 w 4597199"/>
              <a:gd name="connsiteY18" fmla="*/ 766304 h 4593599"/>
              <a:gd name="connsiteX19" fmla="*/ 0 w 4597199"/>
              <a:gd name="connsiteY19" fmla="*/ 5086 h 459359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</a:cxnLst>
            <a:rect l="l" t="t" r="r" b="b"/>
            <a:pathLst>
              <a:path w="4597199" h="4593599">
                <a:moveTo>
                  <a:pt x="0" y="0"/>
                </a:moveTo>
                <a:lnTo>
                  <a:pt x="4597199" y="0"/>
                </a:lnTo>
                <a:lnTo>
                  <a:pt x="4597199" y="4593599"/>
                </a:lnTo>
                <a:lnTo>
                  <a:pt x="761399" y="4593599"/>
                </a:lnTo>
                <a:lnTo>
                  <a:pt x="0" y="3833781"/>
                </a:lnTo>
                <a:lnTo>
                  <a:pt x="0" y="3828704"/>
                </a:lnTo>
                <a:lnTo>
                  <a:pt x="761400" y="3828704"/>
                </a:lnTo>
                <a:lnTo>
                  <a:pt x="0" y="3068885"/>
                </a:lnTo>
                <a:lnTo>
                  <a:pt x="0" y="3063809"/>
                </a:lnTo>
                <a:lnTo>
                  <a:pt x="761400" y="3063809"/>
                </a:lnTo>
                <a:lnTo>
                  <a:pt x="0" y="2301191"/>
                </a:lnTo>
                <a:lnTo>
                  <a:pt x="0" y="2296096"/>
                </a:lnTo>
                <a:lnTo>
                  <a:pt x="761400" y="2296096"/>
                </a:lnTo>
                <a:lnTo>
                  <a:pt x="0" y="1536277"/>
                </a:lnTo>
                <a:lnTo>
                  <a:pt x="0" y="1531200"/>
                </a:lnTo>
                <a:lnTo>
                  <a:pt x="761400" y="1531200"/>
                </a:lnTo>
                <a:lnTo>
                  <a:pt x="0" y="771381"/>
                </a:lnTo>
                <a:lnTo>
                  <a:pt x="0" y="766304"/>
                </a:lnTo>
                <a:lnTo>
                  <a:pt x="761400" y="766304"/>
                </a:lnTo>
                <a:lnTo>
                  <a:pt x="0" y="5086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defRPr sz="2000"/>
            </a:lvl1pPr>
          </a:lstStyle>
          <a:p>
            <a:endParaRPr lang="en-GB" dirty="0"/>
          </a:p>
        </p:txBody>
      </p:sp>
      <p:pic>
        <p:nvPicPr>
          <p:cNvPr id="12" name="Picture 2"/>
          <p:cNvPicPr>
            <a:picLocks noChangeAspect="1" noChangeArrowheads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1976165" y="4621909"/>
            <a:ext cx="1916715" cy="5791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3" name="TextBox 12"/>
          <p:cNvSpPr txBox="1"/>
          <p:nvPr userDrawn="1"/>
        </p:nvSpPr>
        <p:spPr>
          <a:xfrm>
            <a:off x="-1980728" y="5221649"/>
            <a:ext cx="1916715" cy="1015663"/>
          </a:xfrm>
          <a:prstGeom prst="rect">
            <a:avLst/>
          </a:prstGeom>
          <a:solidFill>
            <a:schemeClr val="bg1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en-GB" sz="1000" b="1" dirty="0">
                <a:solidFill>
                  <a:srgbClr val="D22630"/>
                </a:solidFill>
                <a:latin typeface="+mn-lt"/>
              </a:rPr>
              <a:t>Note</a:t>
            </a:r>
            <a:r>
              <a:rPr lang="en-GB" sz="1000" dirty="0">
                <a:solidFill>
                  <a:srgbClr val="D22630"/>
                </a:solidFill>
                <a:latin typeface="+mn-lt"/>
              </a:rPr>
              <a:t>: </a:t>
            </a:r>
            <a:r>
              <a:rPr lang="en-GB" sz="1000" dirty="0">
                <a:latin typeface="+mn-lt"/>
              </a:rPr>
              <a:t>To change text styles, place text cursor in text and choose to promote or demote level with one of</a:t>
            </a:r>
            <a:br>
              <a:rPr lang="en-GB" sz="1000" dirty="0">
                <a:latin typeface="+mn-lt"/>
              </a:rPr>
            </a:br>
            <a:r>
              <a:rPr lang="en-GB" sz="1000" dirty="0">
                <a:latin typeface="+mn-lt"/>
              </a:rPr>
              <a:t>the indicated buttons.</a:t>
            </a:r>
          </a:p>
          <a:p>
            <a:r>
              <a:rPr lang="en-GB" sz="1000" dirty="0">
                <a:latin typeface="+mn-lt"/>
              </a:rPr>
              <a:t>(located on the HOME tab)</a:t>
            </a:r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0C7D4C7D-8888-F24A-8D56-9B5233DECD7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190828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Cover Style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DD5AB6-3BDE-8946-9C08-9BEBB7A271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63357B-3FE8-5841-80A6-42A2944A83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-1947600" y="6285600"/>
            <a:ext cx="720000" cy="288000"/>
          </a:xfrm>
        </p:spPr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C7D4C7D-8888-F24A-8D56-9B5233DECD7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6853F4E6-622D-6746-9222-95B6AD41F62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560000" y="0"/>
            <a:ext cx="7632000" cy="6858000"/>
          </a:xfrm>
          <a:custGeom>
            <a:avLst/>
            <a:gdLst>
              <a:gd name="connsiteX0" fmla="*/ 0 w 7632000"/>
              <a:gd name="connsiteY0" fmla="*/ 0 h 6858000"/>
              <a:gd name="connsiteX1" fmla="*/ 7632000 w 7632000"/>
              <a:gd name="connsiteY1" fmla="*/ 0 h 6858000"/>
              <a:gd name="connsiteX2" fmla="*/ 7632000 w 7632000"/>
              <a:gd name="connsiteY2" fmla="*/ 6858000 h 6858000"/>
              <a:gd name="connsiteX3" fmla="*/ 2291650 w 7632000"/>
              <a:gd name="connsiteY3" fmla="*/ 6858000 h 6858000"/>
              <a:gd name="connsiteX4" fmla="*/ 2291650 w 7632000"/>
              <a:gd name="connsiteY4" fmla="*/ 6444218 h 6858000"/>
              <a:gd name="connsiteX5" fmla="*/ 2291650 w 7632000"/>
              <a:gd name="connsiteY5" fmla="*/ 2287588 h 6858000"/>
              <a:gd name="connsiteX6" fmla="*/ 7767 w 7632000"/>
              <a:gd name="connsiteY6" fmla="*/ 1588 h 6858000"/>
              <a:gd name="connsiteX7" fmla="*/ 0 w 7632000"/>
              <a:gd name="connsiteY7" fmla="*/ 1588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7632000" h="6858000">
                <a:moveTo>
                  <a:pt x="0" y="0"/>
                </a:moveTo>
                <a:lnTo>
                  <a:pt x="7632000" y="0"/>
                </a:lnTo>
                <a:lnTo>
                  <a:pt x="7632000" y="6858000"/>
                </a:lnTo>
                <a:lnTo>
                  <a:pt x="2291650" y="6858000"/>
                </a:lnTo>
                <a:lnTo>
                  <a:pt x="2291650" y="6444218"/>
                </a:lnTo>
                <a:cubicBezTo>
                  <a:pt x="2291650" y="2287588"/>
                  <a:pt x="2291650" y="2287588"/>
                  <a:pt x="2291650" y="2287588"/>
                </a:cubicBezTo>
                <a:cubicBezTo>
                  <a:pt x="1030756" y="2287588"/>
                  <a:pt x="7767" y="1263651"/>
                  <a:pt x="7767" y="1588"/>
                </a:cubicBezTo>
                <a:lnTo>
                  <a:pt x="0" y="1588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F8EBC734-0E89-CC45-A68A-9AA8FBB43BD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30000" y="5677200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7A149394-4D07-864E-9E2A-539CE02EB30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5400000" cy="1881538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 spc="-8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 dirty="0"/>
              <a:t>Click to </a:t>
            </a:r>
            <a:br>
              <a:rPr lang="en-US" dirty="0"/>
            </a:br>
            <a:r>
              <a:rPr lang="en-US" dirty="0"/>
              <a:t>edit title 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0CFEDDD2-D68A-E247-BA34-D7FF7F62186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88800" y="3384000"/>
            <a:ext cx="3600000" cy="10800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400"/>
              </a:lnSpc>
              <a:buNone/>
              <a:defRPr sz="3200">
                <a:solidFill>
                  <a:schemeClr val="tx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subtitle style</a:t>
            </a:r>
          </a:p>
        </p:txBody>
      </p:sp>
      <p:sp>
        <p:nvSpPr>
          <p:cNvPr id="10" name="Date Placeholder 3">
            <a:extLst>
              <a:ext uri="{FF2B5EF4-FFF2-40B4-BE49-F238E27FC236}">
                <a16:creationId xmlns:a16="http://schemas.microsoft.com/office/drawing/2014/main" id="{9F7F29FA-07B2-9246-BD54-54AEE122F8A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8800" y="6156000"/>
            <a:ext cx="3600000" cy="432000"/>
          </a:xfrm>
        </p:spPr>
        <p:txBody>
          <a:bodyPr/>
          <a:lstStyle>
            <a:lvl1pPr>
              <a:defRPr sz="2000">
                <a:solidFill>
                  <a:schemeClr val="tx1"/>
                </a:solidFill>
              </a:defRPr>
            </a:lvl1pPr>
          </a:lstStyle>
          <a:p>
            <a:fld id="{65A2D3D7-51CC-404A-8427-F7C864990F99}" type="datetime1">
              <a:rPr lang="en-US" smtClean="0"/>
              <a:t>5/18/202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71531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Style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DD5AB6-3BDE-8946-9C08-9BEBB7A271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63357B-3FE8-5841-80A6-42A2944A83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-1947600" y="6285600"/>
            <a:ext cx="720000" cy="288000"/>
          </a:xfrm>
        </p:spPr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7A149394-4D07-864E-9E2A-539CE02EB30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5400000" cy="1881538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 spc="-8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 dirty="0"/>
              <a:t>Click to </a:t>
            </a:r>
            <a:br>
              <a:rPr lang="en-US" dirty="0"/>
            </a:br>
            <a:r>
              <a:rPr lang="en-US" dirty="0"/>
              <a:t>edit title </a:t>
            </a:r>
          </a:p>
        </p:txBody>
      </p:sp>
      <p:sp>
        <p:nvSpPr>
          <p:cNvPr id="19" name="Date Placeholder 3">
            <a:extLst>
              <a:ext uri="{FF2B5EF4-FFF2-40B4-BE49-F238E27FC236}">
                <a16:creationId xmlns:a16="http://schemas.microsoft.com/office/drawing/2014/main" id="{0B7F3AF0-22C6-CD4E-B1AD-F64EA21AD56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8800" y="6156000"/>
            <a:ext cx="3600000" cy="432000"/>
          </a:xfrm>
        </p:spPr>
        <p:txBody>
          <a:bodyPr/>
          <a:lstStyle>
            <a:lvl1pPr>
              <a:defRPr sz="2000">
                <a:solidFill>
                  <a:schemeClr val="tx1"/>
                </a:solidFill>
              </a:defRPr>
            </a:lvl1pPr>
          </a:lstStyle>
          <a:p>
            <a:fld id="{3CC3C239-DE4B-4339-A07E-597C7E7023AC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C7D4C7D-8888-F24A-8D56-9B5233DECD7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0CFEDDD2-D68A-E247-BA34-D7FF7F62186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88800" y="3384000"/>
            <a:ext cx="3600000" cy="10800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400"/>
              </a:lnSpc>
              <a:buNone/>
              <a:defRPr sz="3200">
                <a:solidFill>
                  <a:schemeClr val="tx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subtitle style</a:t>
            </a:r>
          </a:p>
        </p:txBody>
      </p:sp>
      <p:sp>
        <p:nvSpPr>
          <p:cNvPr id="10" name="Picture Placeholder 14">
            <a:extLst>
              <a:ext uri="{FF2B5EF4-FFF2-40B4-BE49-F238E27FC236}">
                <a16:creationId xmlns:a16="http://schemas.microsoft.com/office/drawing/2014/main" id="{DC2DEB31-5E37-0B41-AEA9-67D88C042BF1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7599600" y="-1"/>
            <a:ext cx="4597199" cy="4593599"/>
          </a:xfrm>
          <a:custGeom>
            <a:avLst/>
            <a:gdLst>
              <a:gd name="connsiteX0" fmla="*/ 0 w 4597199"/>
              <a:gd name="connsiteY0" fmla="*/ 0 h 4593599"/>
              <a:gd name="connsiteX1" fmla="*/ 4597199 w 4597199"/>
              <a:gd name="connsiteY1" fmla="*/ 0 h 4593599"/>
              <a:gd name="connsiteX2" fmla="*/ 4597199 w 4597199"/>
              <a:gd name="connsiteY2" fmla="*/ 4593599 h 4593599"/>
              <a:gd name="connsiteX3" fmla="*/ 761399 w 4597199"/>
              <a:gd name="connsiteY3" fmla="*/ 4593599 h 4593599"/>
              <a:gd name="connsiteX4" fmla="*/ 0 w 4597199"/>
              <a:gd name="connsiteY4" fmla="*/ 3833781 h 4593599"/>
              <a:gd name="connsiteX5" fmla="*/ 0 w 4597199"/>
              <a:gd name="connsiteY5" fmla="*/ 3828704 h 4593599"/>
              <a:gd name="connsiteX6" fmla="*/ 761400 w 4597199"/>
              <a:gd name="connsiteY6" fmla="*/ 3828704 h 4593599"/>
              <a:gd name="connsiteX7" fmla="*/ 0 w 4597199"/>
              <a:gd name="connsiteY7" fmla="*/ 3068885 h 4593599"/>
              <a:gd name="connsiteX8" fmla="*/ 0 w 4597199"/>
              <a:gd name="connsiteY8" fmla="*/ 3063809 h 4593599"/>
              <a:gd name="connsiteX9" fmla="*/ 761400 w 4597199"/>
              <a:gd name="connsiteY9" fmla="*/ 3063809 h 4593599"/>
              <a:gd name="connsiteX10" fmla="*/ 0 w 4597199"/>
              <a:gd name="connsiteY10" fmla="*/ 2301191 h 4593599"/>
              <a:gd name="connsiteX11" fmla="*/ 0 w 4597199"/>
              <a:gd name="connsiteY11" fmla="*/ 2296096 h 4593599"/>
              <a:gd name="connsiteX12" fmla="*/ 761400 w 4597199"/>
              <a:gd name="connsiteY12" fmla="*/ 2296096 h 4593599"/>
              <a:gd name="connsiteX13" fmla="*/ 0 w 4597199"/>
              <a:gd name="connsiteY13" fmla="*/ 1536277 h 4593599"/>
              <a:gd name="connsiteX14" fmla="*/ 0 w 4597199"/>
              <a:gd name="connsiteY14" fmla="*/ 1531200 h 4593599"/>
              <a:gd name="connsiteX15" fmla="*/ 761400 w 4597199"/>
              <a:gd name="connsiteY15" fmla="*/ 1531200 h 4593599"/>
              <a:gd name="connsiteX16" fmla="*/ 0 w 4597199"/>
              <a:gd name="connsiteY16" fmla="*/ 771381 h 4593599"/>
              <a:gd name="connsiteX17" fmla="*/ 0 w 4597199"/>
              <a:gd name="connsiteY17" fmla="*/ 766304 h 4593599"/>
              <a:gd name="connsiteX18" fmla="*/ 761400 w 4597199"/>
              <a:gd name="connsiteY18" fmla="*/ 766304 h 4593599"/>
              <a:gd name="connsiteX19" fmla="*/ 0 w 4597199"/>
              <a:gd name="connsiteY19" fmla="*/ 5086 h 459359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</a:cxnLst>
            <a:rect l="l" t="t" r="r" b="b"/>
            <a:pathLst>
              <a:path w="4597199" h="4593599">
                <a:moveTo>
                  <a:pt x="0" y="0"/>
                </a:moveTo>
                <a:lnTo>
                  <a:pt x="4597199" y="0"/>
                </a:lnTo>
                <a:lnTo>
                  <a:pt x="4597199" y="4593599"/>
                </a:lnTo>
                <a:lnTo>
                  <a:pt x="761399" y="4593599"/>
                </a:lnTo>
                <a:lnTo>
                  <a:pt x="0" y="3833781"/>
                </a:lnTo>
                <a:lnTo>
                  <a:pt x="0" y="3828704"/>
                </a:lnTo>
                <a:lnTo>
                  <a:pt x="761400" y="3828704"/>
                </a:lnTo>
                <a:lnTo>
                  <a:pt x="0" y="3068885"/>
                </a:lnTo>
                <a:lnTo>
                  <a:pt x="0" y="3063809"/>
                </a:lnTo>
                <a:lnTo>
                  <a:pt x="761400" y="3063809"/>
                </a:lnTo>
                <a:lnTo>
                  <a:pt x="0" y="2301191"/>
                </a:lnTo>
                <a:lnTo>
                  <a:pt x="0" y="2296096"/>
                </a:lnTo>
                <a:lnTo>
                  <a:pt x="761400" y="2296096"/>
                </a:lnTo>
                <a:lnTo>
                  <a:pt x="0" y="1536277"/>
                </a:lnTo>
                <a:lnTo>
                  <a:pt x="0" y="1531200"/>
                </a:lnTo>
                <a:lnTo>
                  <a:pt x="761400" y="1531200"/>
                </a:lnTo>
                <a:lnTo>
                  <a:pt x="0" y="771381"/>
                </a:lnTo>
                <a:lnTo>
                  <a:pt x="0" y="766304"/>
                </a:lnTo>
                <a:lnTo>
                  <a:pt x="761400" y="766304"/>
                </a:lnTo>
                <a:lnTo>
                  <a:pt x="0" y="5086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defRPr sz="20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580757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over Style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9">
            <a:extLst>
              <a:ext uri="{FF2B5EF4-FFF2-40B4-BE49-F238E27FC236}">
                <a16:creationId xmlns:a16="http://schemas.microsoft.com/office/drawing/2014/main" id="{B391F902-427D-AE47-AB21-70E08B278D6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102000" y="0"/>
            <a:ext cx="6091200" cy="6858000"/>
          </a:xfrm>
          <a:custGeom>
            <a:avLst/>
            <a:gdLst>
              <a:gd name="connsiteX0" fmla="*/ 0 w 6091200"/>
              <a:gd name="connsiteY0" fmla="*/ 0 h 6858000"/>
              <a:gd name="connsiteX1" fmla="*/ 6091200 w 6091200"/>
              <a:gd name="connsiteY1" fmla="*/ 0 h 6858000"/>
              <a:gd name="connsiteX2" fmla="*/ 6091200 w 6091200"/>
              <a:gd name="connsiteY2" fmla="*/ 6858000 h 6858000"/>
              <a:gd name="connsiteX3" fmla="*/ 2286000 w 6091200"/>
              <a:gd name="connsiteY3" fmla="*/ 6858000 h 6858000"/>
              <a:gd name="connsiteX4" fmla="*/ 2286000 w 6091200"/>
              <a:gd name="connsiteY4" fmla="*/ 3429000 h 6858000"/>
              <a:gd name="connsiteX5" fmla="*/ 0 w 6091200"/>
              <a:gd name="connsiteY5" fmla="*/ 3429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91200" h="6858000">
                <a:moveTo>
                  <a:pt x="0" y="0"/>
                </a:moveTo>
                <a:lnTo>
                  <a:pt x="6091200" y="0"/>
                </a:lnTo>
                <a:lnTo>
                  <a:pt x="6091200" y="6858000"/>
                </a:lnTo>
                <a:lnTo>
                  <a:pt x="2286000" y="6858000"/>
                </a:lnTo>
                <a:lnTo>
                  <a:pt x="2286000" y="3429000"/>
                </a:lnTo>
                <a:lnTo>
                  <a:pt x="0" y="3429000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wrap="square" anchor="ctr" anchorCtr="0">
            <a:noAutofit/>
          </a:bodyPr>
          <a:lstStyle>
            <a:lvl1pPr algn="ctr">
              <a:defRPr sz="2000"/>
            </a:lvl1pPr>
          </a:lstStyle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DD5AB6-3BDE-8946-9C08-9BEBB7A271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63357B-3FE8-5841-80A6-42A2944A83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-1947600" y="6285600"/>
            <a:ext cx="720000" cy="288000"/>
          </a:xfrm>
        </p:spPr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7A149394-4D07-864E-9E2A-539CE02EB30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5400000" cy="1881538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 spc="-8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 dirty="0"/>
              <a:t>Click to </a:t>
            </a:r>
            <a:br>
              <a:rPr lang="en-US" dirty="0"/>
            </a:br>
            <a:r>
              <a:rPr lang="en-US" dirty="0"/>
              <a:t>edit title </a:t>
            </a:r>
          </a:p>
        </p:txBody>
      </p:sp>
      <p:sp>
        <p:nvSpPr>
          <p:cNvPr id="19" name="Date Placeholder 3">
            <a:extLst>
              <a:ext uri="{FF2B5EF4-FFF2-40B4-BE49-F238E27FC236}">
                <a16:creationId xmlns:a16="http://schemas.microsoft.com/office/drawing/2014/main" id="{0B7F3AF0-22C6-CD4E-B1AD-F64EA21AD56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8800" y="6156000"/>
            <a:ext cx="3600000" cy="432000"/>
          </a:xfrm>
        </p:spPr>
        <p:txBody>
          <a:bodyPr/>
          <a:lstStyle>
            <a:lvl1pPr>
              <a:defRPr sz="2000">
                <a:solidFill>
                  <a:schemeClr val="tx1"/>
                </a:solidFill>
              </a:defRPr>
            </a:lvl1pPr>
          </a:lstStyle>
          <a:p>
            <a:fld id="{320A2EA7-2AF7-405A-AAB8-BA39D11E81D4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C7D4C7D-8888-F24A-8D56-9B5233DECD7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0CFEDDD2-D68A-E247-BA34-D7FF7F62186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88800" y="3384000"/>
            <a:ext cx="3600000" cy="10800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400"/>
              </a:lnSpc>
              <a:buNone/>
              <a:defRPr sz="3200">
                <a:solidFill>
                  <a:schemeClr val="tx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subtitle style</a:t>
            </a:r>
          </a:p>
        </p:txBody>
      </p:sp>
    </p:spTree>
    <p:extLst>
      <p:ext uri="{BB962C8B-B14F-4D97-AF65-F5344CB8AC3E}">
        <p14:creationId xmlns:p14="http://schemas.microsoft.com/office/powerpoint/2010/main" val="39476266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EE705D-33B1-944B-8CE4-56B5C4C553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3BA5EA-FB73-8444-A40D-D9380E8C45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044908-4C32-460B-BB66-2C0D258FF8EC}" type="datetime1">
              <a:rPr lang="en-US" smtClean="0"/>
              <a:t>5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D0E20ED-4F03-A049-8598-82956CB897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9B7E5C-1573-9F4E-88D4-81D2D8850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8A183D33-F157-7142-B2D3-D4E025F8371E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178912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ank You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  <a:noFill/>
        </p:spPr>
        <p:txBody>
          <a:bodyPr/>
          <a:lstStyle>
            <a:lvl1pPr>
              <a:defRPr baseline="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812F65-E880-4472-AD1A-1049E5E88EDE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A2E6C500-BE65-7D4D-9151-1D3E24C5AED8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  <a:noFill/>
        </p:spPr>
        <p:txBody>
          <a:bodyPr/>
          <a:lstStyle>
            <a:lvl1pPr>
              <a:lnSpc>
                <a:spcPts val="3400"/>
              </a:lnSpc>
              <a:spcBef>
                <a:spcPts val="600"/>
              </a:spcBef>
              <a:spcAft>
                <a:spcPts val="600"/>
              </a:spcAft>
              <a:defRPr sz="3000">
                <a:solidFill>
                  <a:schemeClr val="tx1"/>
                </a:solidFill>
                <a:latin typeface="+mn-lt"/>
              </a:defRPr>
            </a:lvl1pPr>
            <a:lvl2pPr marL="216000" indent="-216000">
              <a:lnSpc>
                <a:spcPts val="3400"/>
              </a:lnSpc>
              <a:spcAft>
                <a:spcPts val="1200"/>
              </a:spcAft>
              <a:defRPr sz="3000">
                <a:solidFill>
                  <a:schemeClr val="tx1"/>
                </a:solidFill>
              </a:defRPr>
            </a:lvl2pPr>
            <a:lvl3pPr marL="57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tx1"/>
                </a:solidFill>
              </a:defRPr>
            </a:lvl3pPr>
            <a:lvl4pPr marL="129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tx1"/>
                </a:solidFill>
              </a:defRPr>
            </a:lvl4pPr>
            <a:lvl5pPr marL="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2" name="Picture Placeholder 11">
            <a:extLst>
              <a:ext uri="{FF2B5EF4-FFF2-40B4-BE49-F238E27FC236}">
                <a16:creationId xmlns:a16="http://schemas.microsoft.com/office/drawing/2014/main" id="{A32AC5EC-FFAB-AD4C-9161-B37DA15AD74B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155036" y="1530000"/>
            <a:ext cx="5329041" cy="5328000"/>
          </a:xfrm>
          <a:custGeom>
            <a:avLst/>
            <a:gdLst>
              <a:gd name="connsiteX0" fmla="*/ 0 w 5329041"/>
              <a:gd name="connsiteY0" fmla="*/ 0 h 5328000"/>
              <a:gd name="connsiteX1" fmla="*/ 5329041 w 5329041"/>
              <a:gd name="connsiteY1" fmla="*/ 0 h 5328000"/>
              <a:gd name="connsiteX2" fmla="*/ 5329041 w 5329041"/>
              <a:gd name="connsiteY2" fmla="*/ 900000 h 5328000"/>
              <a:gd name="connsiteX3" fmla="*/ 901041 w 5329041"/>
              <a:gd name="connsiteY3" fmla="*/ 900000 h 5328000"/>
              <a:gd name="connsiteX4" fmla="*/ 901041 w 5329041"/>
              <a:gd name="connsiteY4" fmla="*/ 5328000 h 5328000"/>
              <a:gd name="connsiteX5" fmla="*/ 0 w 5329041"/>
              <a:gd name="connsiteY5" fmla="*/ 5328000 h 532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329041" h="5328000">
                <a:moveTo>
                  <a:pt x="0" y="0"/>
                </a:moveTo>
                <a:lnTo>
                  <a:pt x="5329041" y="0"/>
                </a:lnTo>
                <a:lnTo>
                  <a:pt x="5329041" y="900000"/>
                </a:lnTo>
                <a:lnTo>
                  <a:pt x="901041" y="900000"/>
                </a:lnTo>
                <a:lnTo>
                  <a:pt x="901041" y="5328000"/>
                </a:lnTo>
                <a:lnTo>
                  <a:pt x="0" y="532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defRPr sz="2000">
                <a:solidFill>
                  <a:schemeClr val="bg1"/>
                </a:solidFill>
              </a:defRPr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141419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Thank You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4"/>
          </p:nvPr>
        </p:nvSpPr>
        <p:spPr>
          <a:xfrm>
            <a:off x="0" y="0"/>
            <a:ext cx="12192000" cy="6858000"/>
          </a:xfrm>
        </p:spPr>
        <p:txBody>
          <a:bodyPr/>
          <a:lstStyle/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  <a:noFill/>
        </p:spPr>
        <p:txBody>
          <a:bodyPr/>
          <a:lstStyle>
            <a:lvl1pPr>
              <a:defRPr baseline="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B7883F-E648-46CA-BDA7-AB5EC485DDFF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  <a:noFill/>
        </p:spPr>
        <p:txBody>
          <a:bodyPr/>
          <a:lstStyle>
            <a:lvl1pPr>
              <a:lnSpc>
                <a:spcPts val="3400"/>
              </a:lnSpc>
              <a:spcBef>
                <a:spcPts val="600"/>
              </a:spcBef>
              <a:spcAft>
                <a:spcPts val="600"/>
              </a:spcAft>
              <a:defRPr sz="3000">
                <a:solidFill>
                  <a:schemeClr val="tx1"/>
                </a:solidFill>
                <a:latin typeface="+mn-lt"/>
              </a:defRPr>
            </a:lvl1pPr>
            <a:lvl2pPr marL="216000" indent="-216000">
              <a:lnSpc>
                <a:spcPts val="3400"/>
              </a:lnSpc>
              <a:spcAft>
                <a:spcPts val="1200"/>
              </a:spcAft>
              <a:defRPr sz="3000">
                <a:solidFill>
                  <a:schemeClr val="tx1"/>
                </a:solidFill>
              </a:defRPr>
            </a:lvl2pPr>
            <a:lvl3pPr marL="57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tx1"/>
                </a:solidFill>
              </a:defRPr>
            </a:lvl3pPr>
            <a:lvl4pPr marL="129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tx1"/>
                </a:solidFill>
              </a:defRPr>
            </a:lvl4pPr>
            <a:lvl5pPr marL="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pic>
        <p:nvPicPr>
          <p:cNvPr id="14" name="Picture 2"/>
          <p:cNvPicPr>
            <a:picLocks noChangeAspect="1" noChangeArrowheads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1976165" y="4621909"/>
            <a:ext cx="1916715" cy="5791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5" name="TextBox 14"/>
          <p:cNvSpPr txBox="1"/>
          <p:nvPr userDrawn="1"/>
        </p:nvSpPr>
        <p:spPr>
          <a:xfrm>
            <a:off x="-1980728" y="5221649"/>
            <a:ext cx="1916715" cy="1015663"/>
          </a:xfrm>
          <a:prstGeom prst="rect">
            <a:avLst/>
          </a:prstGeom>
          <a:solidFill>
            <a:schemeClr val="bg1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en-GB" sz="1000" b="1" dirty="0">
                <a:solidFill>
                  <a:srgbClr val="D22630"/>
                </a:solidFill>
                <a:latin typeface="+mn-lt"/>
              </a:rPr>
              <a:t>Note</a:t>
            </a:r>
            <a:r>
              <a:rPr lang="en-GB" sz="1000" dirty="0">
                <a:solidFill>
                  <a:srgbClr val="D22630"/>
                </a:solidFill>
                <a:latin typeface="+mn-lt"/>
              </a:rPr>
              <a:t>: </a:t>
            </a:r>
            <a:r>
              <a:rPr lang="en-GB" sz="1000" dirty="0">
                <a:latin typeface="+mn-lt"/>
              </a:rPr>
              <a:t>To change text styles, place text cursor in text and choose to promote or demote level with one of</a:t>
            </a:r>
            <a:br>
              <a:rPr lang="en-GB" sz="1000" dirty="0">
                <a:latin typeface="+mn-lt"/>
              </a:rPr>
            </a:br>
            <a:r>
              <a:rPr lang="en-GB" sz="1000" dirty="0">
                <a:latin typeface="+mn-lt"/>
              </a:rPr>
              <a:t>the indicated buttons.</a:t>
            </a:r>
          </a:p>
          <a:p>
            <a:r>
              <a:rPr lang="en-GB" sz="1000" dirty="0">
                <a:latin typeface="+mn-lt"/>
              </a:rPr>
              <a:t>(located on the HOME tab)</a:t>
            </a:r>
          </a:p>
        </p:txBody>
      </p:sp>
    </p:spTree>
    <p:extLst>
      <p:ext uri="{BB962C8B-B14F-4D97-AF65-F5344CB8AC3E}">
        <p14:creationId xmlns:p14="http://schemas.microsoft.com/office/powerpoint/2010/main" val="24075030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11412000" cy="720000"/>
          </a:xfrm>
        </p:spPr>
        <p:txBody>
          <a:bodyPr/>
          <a:lstStyle/>
          <a:p>
            <a:r>
              <a:rPr lang="en-US" dirty="0"/>
              <a:t>Click to edit title sty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88EB88-8647-4814-81B2-075AC23BF55D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D311FF4A-6575-2B4F-8705-5DCE090EE65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255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130126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No Logo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EE705D-33B1-944B-8CE4-56B5C4C553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3BA5EA-FB73-8444-A40D-D9380E8C45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F1A2ED-5048-4D94-9C35-FEB294B5F110}" type="datetime1">
              <a:rPr lang="en-US" smtClean="0"/>
              <a:t>5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D0E20ED-4F03-A049-8598-82956CB897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9B7E5C-1573-9F4E-88D4-81D2D8850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A2E6C500-BE65-7D4D-9151-1D3E24C5AED8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612436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Quot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5A62BB11-9EFF-F645-BCB6-C22776E9D0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32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0703C04-8D45-924B-BC45-6A7109C11F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9DDF13-B8DE-440E-A518-F2833607D808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EDF0389-2F78-6941-81DE-B9CAA34DCB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42C897D-5B61-914B-8ED5-263B924C2D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46A7E639-1729-EF45-A48C-17927EC5B25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800" y="331201"/>
            <a:ext cx="10440000" cy="3096000"/>
          </a:xfrm>
        </p:spPr>
        <p:txBody>
          <a:bodyPr/>
          <a:lstStyle>
            <a:lvl1pPr>
              <a:lnSpc>
                <a:spcPts val="5500"/>
              </a:lnSpc>
              <a:spcAft>
                <a:spcPts val="2400"/>
              </a:spcAft>
              <a:defRPr sz="5000" spc="-50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566633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>
    <p:ext uri="{DCECCB84-F9BA-43D5-87BE-67443E8EF086}">
      <p15:sldGuideLst xmlns:p15="http://schemas.microsoft.com/office/powerpoint/2012/main">
        <p15:guide id="1" pos="6825">
          <p15:clr>
            <a:srgbClr val="F26B43"/>
          </p15:clr>
        </p15:guide>
      </p15:sldGuideLst>
    </p:ext>
  </p:extLst>
</p:sldLayout>
</file>

<file path=ppt/slideLayouts/slideLayout23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sz="quarter" idx="13"/>
          </p:nvPr>
        </p:nvSpPr>
        <p:spPr>
          <a:xfrm>
            <a:off x="387625" y="1476000"/>
            <a:ext cx="11412000" cy="42480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BCF70B16-9173-4605-8852-01FCF762018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604F36A-EE50-4EE8-B507-FCC1EC014160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5ACEA59B-9083-4AB4-BAE2-3F12A09D867C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35E8D667-4E1E-45CD-B330-B95D9365915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AB62A1CB-9E39-4741-826A-9C123516D598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326989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3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Defaul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249998980"/>
      </p:ext>
    </p:extLst>
  </p:cSld>
  <p:clrMapOvr>
    <a:masterClrMapping/>
  </p:clrMapOvr>
</p:sldLayout>
</file>

<file path=ppt/slideLayouts/slideLayout23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WHITE_Title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4D976F-6FAA-4B37-814C-E2540D4155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0BFC25-F2D8-40D7-96BA-C0F78F6A687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82CEB40-7C69-47E5-9106-E566935D3F53}" type="datetime3">
              <a:rPr lang="en-US" smtClean="0"/>
              <a:pPr/>
              <a:t>18 May 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0EEA34B-ADB0-4A9B-A944-DB4F9AB7A2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2EE72B-8C4F-4C4B-8E3A-D7A4D706EB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9E037E20-29EF-410F-AA70-D50FAE88B30D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55291622"/>
      </p:ext>
    </p:extLst>
  </p:cSld>
  <p:clrMapOvr>
    <a:masterClrMapping/>
  </p:clrMapOvr>
  <p:transition>
    <p:fade/>
  </p:transition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0703C04-8D45-924B-BC45-6A7109C11F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BCFA8FD-DD45-4DBF-BABF-0D5F3285B691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EDF0389-2F78-6941-81DE-B9CAA34DCB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42C897D-5B61-914B-8ED5-263B924C2D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5900D65B-C254-C040-BE55-1863269FED4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8800" y="331200"/>
            <a:ext cx="11412000" cy="5382000"/>
          </a:xfrm>
        </p:spPr>
        <p:txBody>
          <a:bodyPr/>
          <a:lstStyle>
            <a:lvl1pPr>
              <a:lnSpc>
                <a:spcPts val="5500"/>
              </a:lnSpc>
              <a:spcAft>
                <a:spcPts val="2400"/>
              </a:spcAft>
              <a:defRPr sz="5000" spc="-50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Edit Master text styles</a:t>
            </a:r>
            <a:endParaRPr lang="en-GB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D9513F60-BD94-774E-8D4C-D510EB4242D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10325" y="5919005"/>
            <a:ext cx="900000" cy="562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62580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Fig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BC65874E-B7B2-864B-97BA-3B61A51574FB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143626" y="0"/>
            <a:ext cx="6048375" cy="6063798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0E1B9C-4020-8D40-8114-6D2077D17E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D56289-7930-48E6-9D69-274794D4C427}" type="datetime1">
              <a:rPr lang="en-US" smtClean="0"/>
              <a:t>5/1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5F6BFB6-8E76-E74C-8B47-4AA68D18E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1EDAD2-3870-D94F-A3B0-6B52A88720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0700E41C-0494-6441-8E0D-BE244BFA449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59999" y="1008000"/>
            <a:ext cx="4348937" cy="1980000"/>
          </a:xfrm>
        </p:spPr>
        <p:txBody>
          <a:bodyPr anchor="t" anchorCtr="0"/>
          <a:lstStyle>
            <a:lvl1pPr>
              <a:lnSpc>
                <a:spcPct val="100000"/>
              </a:lnSpc>
              <a:defRPr sz="14000" b="0" i="0" spc="-200" baseline="0">
                <a:solidFill>
                  <a:schemeClr val="bg1"/>
                </a:solidFill>
                <a:latin typeface="Aktiv Grotesk Light" panose="020B0304020202020204" pitchFamily="34" charset="0"/>
              </a:defRPr>
            </a:lvl1pPr>
          </a:lstStyle>
          <a:p>
            <a:pPr lvl="0"/>
            <a:r>
              <a:rPr lang="en-US" dirty="0"/>
              <a:t>00%</a:t>
            </a:r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58B65A77-B204-F543-AF6D-4E63C03889B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937" y="2987999"/>
            <a:ext cx="4320000" cy="2736000"/>
          </a:xfrm>
        </p:spPr>
        <p:txBody>
          <a:bodyPr/>
          <a:lstStyle>
            <a:lvl1pPr>
              <a:lnSpc>
                <a:spcPts val="3400"/>
              </a:lnSpc>
              <a:spcAft>
                <a:spcPts val="1200"/>
              </a:spcAft>
              <a:defRPr sz="300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Edit Master text styles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528111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30C526-47DC-3B45-BDB4-3CBB68F7E6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8E15B81-5BF2-6D47-B422-14E4A7A3C7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52EFAB4-37AF-4F6A-AE1A-57343EF16BF8}" type="datetime1">
              <a:rPr lang="en-US" smtClean="0"/>
              <a:t>5/1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232541C-BDB6-9B41-BD0A-BEE336E531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EA3E96B-CBB6-3C49-A743-98A233E35B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76064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 text conten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5A62BB11-9EFF-F645-BCB6-C22776E9D0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32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030C526-47DC-3B45-BDB4-3CBB68F7E6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8E15B81-5BF2-6D47-B422-14E4A7A3C7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28B20B-2488-4364-A3E8-DE631A3C27C1}" type="datetime1">
              <a:rPr lang="en-US" smtClean="0"/>
              <a:t>5/1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232541C-BDB6-9B41-BD0A-BEE336E531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EA3E96B-CBB6-3C49-A743-98A233E35B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  <p:sp>
        <p:nvSpPr>
          <p:cNvPr id="8" name="Content Placeholder 8">
            <a:extLst>
              <a:ext uri="{FF2B5EF4-FFF2-40B4-BE49-F238E27FC236}">
                <a16:creationId xmlns:a16="http://schemas.microsoft.com/office/drawing/2014/main" id="{604AF51F-FB00-E846-AA12-12BD9665EC05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5" y="1476000"/>
            <a:ext cx="5544000" cy="424815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69952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0E1B9C-4020-8D40-8114-6D2077D17E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EFD217-8ADB-45D9-B744-7350AE0AA865}" type="datetime1">
              <a:rPr lang="en-US" smtClean="0"/>
              <a:t>5/1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5F6BFB6-8E76-E74C-8B47-4AA68D18E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1EDAD2-3870-D94F-A3B0-6B52A88720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469278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EE705D-33B1-944B-8CE4-56B5C4C553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3BA5EA-FB73-8444-A40D-D9380E8C45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EB1502-A692-4031-A5A1-FC04EC372D0E}" type="datetime1">
              <a:rPr lang="en-US" smtClean="0"/>
              <a:t>5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D0E20ED-4F03-A049-8598-82956CB897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9B7E5C-1573-9F4E-88D4-81D2D8850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3"/>
          </p:nvPr>
        </p:nvSpPr>
        <p:spPr>
          <a:xfrm>
            <a:off x="387624" y="1476000"/>
            <a:ext cx="11412000" cy="4248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017401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5A62BB11-9EFF-F645-BCB6-C22776E9D0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32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0703C04-8D45-924B-BC45-6A7109C11F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E585C6-C790-4F19-9301-C45A83FC0C08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EDF0389-2F78-6941-81DE-B9CAA34DCB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42C897D-5B61-914B-8ED5-263B924C2D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46A7E639-1729-EF45-A48C-17927EC5B25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800" y="331201"/>
            <a:ext cx="10440000" cy="3096000"/>
          </a:xfrm>
        </p:spPr>
        <p:txBody>
          <a:bodyPr/>
          <a:lstStyle>
            <a:lvl1pPr>
              <a:lnSpc>
                <a:spcPts val="5500"/>
              </a:lnSpc>
              <a:spcAft>
                <a:spcPts val="2400"/>
              </a:spcAft>
              <a:defRPr sz="5000" spc="-50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42618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>
    <p:ext uri="{DCECCB84-F9BA-43D5-87BE-67443E8EF086}">
      <p15:sldGuideLst xmlns:p15="http://schemas.microsoft.com/office/powerpoint/2012/main">
        <p15:guide id="1" pos="6825">
          <p15:clr>
            <a:srgbClr val="F26B43"/>
          </p15:clr>
        </p15:guide>
      </p15:sldGuideLst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11412000" cy="720000"/>
          </a:xfrm>
        </p:spPr>
        <p:txBody>
          <a:bodyPr/>
          <a:lstStyle/>
          <a:p>
            <a:r>
              <a:rPr lang="en-US" dirty="0"/>
              <a:t>Click to edit title sty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58B528-1802-4835-808E-2E046BABA4B9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D311FF4A-6575-2B4F-8705-5DCE090EE65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255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243664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Multicolour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AEC5D76C-ED68-064B-A7A9-C9CDFF56C986}"/>
              </a:ext>
            </a:extLst>
          </p:cNvPr>
          <p:cNvSpPr/>
          <p:nvPr userDrawn="1"/>
        </p:nvSpPr>
        <p:spPr>
          <a:xfrm>
            <a:off x="6108001" y="0"/>
            <a:ext cx="6083999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</p:spPr>
        <p:txBody>
          <a:bodyPr/>
          <a:lstStyle>
            <a:lvl1pPr>
              <a:lnSpc>
                <a:spcPct val="90000"/>
              </a:lnSpc>
              <a:defRPr/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3E7D73B-095D-40C5-87DF-D58C2E5ED2D7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604AF51F-FB00-E846-AA12-12BD9665EC05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5" y="1476000"/>
            <a:ext cx="5544000" cy="4248150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5BDFD5DA-5D4B-7D46-A2DE-B3296588BC41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256075" y="1476000"/>
            <a:ext cx="5543550" cy="424815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95A022EB-FA1E-DE4C-95B5-3863E488B3CB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56075" y="331200"/>
            <a:ext cx="5544000" cy="720000"/>
          </a:xfrm>
        </p:spPr>
        <p:txBody>
          <a:bodyPr/>
          <a:lstStyle>
            <a:lvl1pPr>
              <a:lnSpc>
                <a:spcPct val="90000"/>
              </a:lnSpc>
              <a:defRPr sz="50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Click to edit title</a:t>
            </a:r>
          </a:p>
        </p:txBody>
      </p:sp>
      <p:sp>
        <p:nvSpPr>
          <p:cNvPr id="15" name="Freeform 5">
            <a:extLst>
              <a:ext uri="{FF2B5EF4-FFF2-40B4-BE49-F238E27FC236}">
                <a16:creationId xmlns:a16="http://schemas.microsoft.com/office/drawing/2014/main" id="{041B81D9-D63C-3A45-B5D1-F0E0F712AC19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082805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0703C04-8D45-924B-BC45-6A7109C11F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F827A8-F703-4B51-9FA4-82E2997FBE70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EDF0389-2F78-6941-81DE-B9CAA34DCB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42C897D-5B61-914B-8ED5-263B924C2D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5900D65B-C254-C040-BE55-1863269FED4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8800" y="331200"/>
            <a:ext cx="11412000" cy="5382000"/>
          </a:xfrm>
        </p:spPr>
        <p:txBody>
          <a:bodyPr/>
          <a:lstStyle>
            <a:lvl1pPr>
              <a:lnSpc>
                <a:spcPts val="5500"/>
              </a:lnSpc>
              <a:spcAft>
                <a:spcPts val="2400"/>
              </a:spcAft>
              <a:defRPr sz="5000" spc="-50" baseline="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Edit Master text styles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921846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Fig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BC65874E-B7B2-864B-97BA-3B61A51574FB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143626" y="0"/>
            <a:ext cx="6048375" cy="6063798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0E1B9C-4020-8D40-8114-6D2077D17E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F8EDA8-92B8-43C0-A76F-E665B300692C}" type="datetime1">
              <a:rPr lang="en-US" smtClean="0"/>
              <a:t>5/1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5F6BFB6-8E76-E74C-8B47-4AA68D18E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1EDAD2-3870-D94F-A3B0-6B52A88720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0700E41C-0494-6441-8E0D-BE244BFA449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59999" y="1008000"/>
            <a:ext cx="4348937" cy="1980000"/>
          </a:xfrm>
        </p:spPr>
        <p:txBody>
          <a:bodyPr anchor="t" anchorCtr="0"/>
          <a:lstStyle>
            <a:lvl1pPr>
              <a:lnSpc>
                <a:spcPct val="100000"/>
              </a:lnSpc>
              <a:defRPr sz="14000" b="0" i="0" spc="-200" baseline="0">
                <a:solidFill>
                  <a:schemeClr val="tx1"/>
                </a:solidFill>
                <a:latin typeface="Aktiv Grotesk Light" panose="020B0304020202020204" pitchFamily="34" charset="0"/>
              </a:defRPr>
            </a:lvl1pPr>
          </a:lstStyle>
          <a:p>
            <a:pPr lvl="0"/>
            <a:r>
              <a:rPr lang="en-US" dirty="0"/>
              <a:t>00%</a:t>
            </a:r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58B65A77-B204-F543-AF6D-4E63C03889B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937" y="2987999"/>
            <a:ext cx="4320000" cy="2736000"/>
          </a:xfrm>
        </p:spPr>
        <p:txBody>
          <a:bodyPr/>
          <a:lstStyle>
            <a:lvl1pPr>
              <a:lnSpc>
                <a:spcPts val="3400"/>
              </a:lnSpc>
              <a:spcAft>
                <a:spcPts val="1200"/>
              </a:spcAft>
              <a:defRPr sz="30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Edit Master text styles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494558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30C526-47DC-3B45-BDB4-3CBB68F7E6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8E15B81-5BF2-6D47-B422-14E4A7A3C7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02F8E0-87AD-4D89-B940-0F3FD2536A44}" type="datetime1">
              <a:rPr lang="en-US" smtClean="0"/>
              <a:t>5/1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232541C-BDB6-9B41-BD0A-BEE336E531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EA3E96B-CBB6-3C49-A743-98A233E35B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87925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ue text conten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5A62BB11-9EFF-F645-BCB6-C22776E9D0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32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030C526-47DC-3B45-BDB4-3CBB68F7E6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8E15B81-5BF2-6D47-B422-14E4A7A3C7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856A0B8-73ED-42C7-9821-1F4D60DACF32}" type="datetime1">
              <a:rPr lang="en-US" smtClean="0"/>
              <a:t>5/1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232541C-BDB6-9B41-BD0A-BEE336E531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EA3E96B-CBB6-3C49-A743-98A233E35B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  <p:sp>
        <p:nvSpPr>
          <p:cNvPr id="8" name="Content Placeholder 8">
            <a:extLst>
              <a:ext uri="{FF2B5EF4-FFF2-40B4-BE49-F238E27FC236}">
                <a16:creationId xmlns:a16="http://schemas.microsoft.com/office/drawing/2014/main" id="{604AF51F-FB00-E846-AA12-12BD9665EC05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5" y="1476000"/>
            <a:ext cx="5544000" cy="424815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167461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0E1B9C-4020-8D40-8114-6D2077D17E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6A9A865-1F2C-4BAC-8969-7C8A9DED4CEF}" type="datetime1">
              <a:rPr lang="en-US" smtClean="0"/>
              <a:t>5/1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5F6BFB6-8E76-E74C-8B47-4AA68D18E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1EDAD2-3870-D94F-A3B0-6B52A88720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600715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 title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C2AE6FC5-3C68-EA4E-9993-6A6F5A9DADC2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32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8392E2A5-0A94-224E-8A8B-B758F5D4968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7200000" cy="1872000"/>
          </a:xfrm>
        </p:spPr>
        <p:txBody>
          <a:bodyPr anchor="t" anchorCtr="0"/>
          <a:lstStyle>
            <a:lvl1pPr algn="l">
              <a:lnSpc>
                <a:spcPts val="6600"/>
              </a:lnSpc>
              <a:defRPr sz="6400" spc="-8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 dirty="0"/>
              <a:t>Click to edit</a:t>
            </a:r>
            <a:br>
              <a:rPr lang="en-US" dirty="0"/>
            </a:br>
            <a:r>
              <a:rPr lang="en-US" dirty="0"/>
              <a:t>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CFEDDD2-D68A-E247-BA34-D7FF7F62186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88800" y="3384000"/>
            <a:ext cx="3600000" cy="10800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400"/>
              </a:lnSpc>
              <a:buNone/>
              <a:defRPr sz="3000">
                <a:solidFill>
                  <a:schemeClr val="tx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F7F29FA-07B2-9246-BD54-54AEE122F8A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8800" y="6156000"/>
            <a:ext cx="3600000" cy="432000"/>
          </a:xfrm>
        </p:spPr>
        <p:txBody>
          <a:bodyPr/>
          <a:lstStyle>
            <a:lvl1pPr>
              <a:defRPr sz="2000">
                <a:solidFill>
                  <a:schemeClr val="tx1"/>
                </a:solidFill>
              </a:defRPr>
            </a:lvl1pPr>
          </a:lstStyle>
          <a:p>
            <a:fld id="{1C62A5C4-5D13-4322-A2E2-B8168EAA6513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DD5AB6-3BDE-8946-9C08-9BEBB7A271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63357B-3FE8-5841-80A6-42A2944A83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-1947600" y="6285600"/>
            <a:ext cx="720000" cy="288000"/>
          </a:xfrm>
        </p:spPr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F8EBC734-0E89-CC45-A68A-9AA8FBB43BD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131033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Style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DD5AB6-3BDE-8946-9C08-9BEBB7A271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63357B-3FE8-5841-80A6-42A2944A83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-1947600" y="6285600"/>
            <a:ext cx="720000" cy="288000"/>
          </a:xfrm>
        </p:spPr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9" name="Date Placeholder 3">
            <a:extLst>
              <a:ext uri="{FF2B5EF4-FFF2-40B4-BE49-F238E27FC236}">
                <a16:creationId xmlns:a16="http://schemas.microsoft.com/office/drawing/2014/main" id="{0B7F3AF0-22C6-CD4E-B1AD-F64EA21AD56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8800" y="6156000"/>
            <a:ext cx="3600000" cy="432000"/>
          </a:xfrm>
        </p:spPr>
        <p:txBody>
          <a:bodyPr/>
          <a:lstStyle>
            <a:lvl1pPr>
              <a:defRPr sz="2000">
                <a:solidFill>
                  <a:schemeClr val="tx1"/>
                </a:solidFill>
              </a:defRPr>
            </a:lvl1pPr>
          </a:lstStyle>
          <a:p>
            <a:fld id="{1626F09D-64F0-48B9-A4B5-F18AE86FA309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C7D4C7D-8888-F24A-8D56-9B5233DECD7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7A149394-4D07-864E-9E2A-539CE02EB30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5400000" cy="1881538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 spc="-8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 dirty="0"/>
              <a:t>Click to </a:t>
            </a:r>
            <a:br>
              <a:rPr lang="en-US" dirty="0"/>
            </a:br>
            <a:r>
              <a:rPr lang="en-US" dirty="0"/>
              <a:t>edit title </a:t>
            </a:r>
          </a:p>
        </p:txBody>
      </p:sp>
      <p:sp>
        <p:nvSpPr>
          <p:cNvPr id="12" name="Subtitle 2">
            <a:extLst>
              <a:ext uri="{FF2B5EF4-FFF2-40B4-BE49-F238E27FC236}">
                <a16:creationId xmlns:a16="http://schemas.microsoft.com/office/drawing/2014/main" id="{0CFEDDD2-D68A-E247-BA34-D7FF7F62186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88800" y="3384000"/>
            <a:ext cx="3600000" cy="10800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400"/>
              </a:lnSpc>
              <a:buNone/>
              <a:defRPr sz="3200">
                <a:solidFill>
                  <a:schemeClr val="tx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subtitle style</a:t>
            </a:r>
          </a:p>
        </p:txBody>
      </p:sp>
    </p:spTree>
    <p:extLst>
      <p:ext uri="{BB962C8B-B14F-4D97-AF65-F5344CB8AC3E}">
        <p14:creationId xmlns:p14="http://schemas.microsoft.com/office/powerpoint/2010/main" val="21672280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EE705D-33B1-944B-8CE4-56B5C4C553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3BA5EA-FB73-8444-A40D-D9380E8C45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655C4A-59CE-44C8-90E0-15DEBBCA5DEB}" type="datetime1">
              <a:rPr lang="en-US" smtClean="0"/>
              <a:t>5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D0E20ED-4F03-A049-8598-82956CB897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9B7E5C-1573-9F4E-88D4-81D2D8850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8A183D33-F157-7142-B2D3-D4E025F8371E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106604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Fig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BC65874E-B7B2-864B-97BA-3B61A51574FB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143626" y="0"/>
            <a:ext cx="6048375" cy="6063798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0E1B9C-4020-8D40-8114-6D2077D17E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7C65C1-6092-418D-8DF6-824DD1EAAEEF}" type="datetime1">
              <a:rPr lang="en-US" smtClean="0"/>
              <a:t>5/1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5F6BFB6-8E76-E74C-8B47-4AA68D18E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1EDAD2-3870-D94F-A3B0-6B52A88720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0700E41C-0494-6441-8E0D-BE244BFA449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59999" y="1008000"/>
            <a:ext cx="4348937" cy="1980000"/>
          </a:xfrm>
        </p:spPr>
        <p:txBody>
          <a:bodyPr anchor="t" anchorCtr="0"/>
          <a:lstStyle>
            <a:lvl1pPr>
              <a:lnSpc>
                <a:spcPct val="100000"/>
              </a:lnSpc>
              <a:defRPr sz="14000" b="0" i="0" spc="-200" baseline="0">
                <a:solidFill>
                  <a:schemeClr val="accent1"/>
                </a:solidFill>
                <a:latin typeface="Aktiv Grotesk Light" panose="020B0304020202020204" pitchFamily="34" charset="0"/>
              </a:defRPr>
            </a:lvl1pPr>
          </a:lstStyle>
          <a:p>
            <a:pPr lvl="0"/>
            <a:r>
              <a:rPr lang="en-US" dirty="0"/>
              <a:t>00%</a:t>
            </a:r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58B65A77-B204-F543-AF6D-4E63C03889B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937" y="2987999"/>
            <a:ext cx="4320000" cy="2736000"/>
          </a:xfrm>
        </p:spPr>
        <p:txBody>
          <a:bodyPr/>
          <a:lstStyle>
            <a:lvl1pPr>
              <a:lnSpc>
                <a:spcPts val="3400"/>
              </a:lnSpc>
              <a:spcAft>
                <a:spcPts val="1200"/>
              </a:spcAft>
              <a:defRPr sz="3000">
                <a:solidFill>
                  <a:schemeClr val="accent1"/>
                </a:solidFill>
                <a:latin typeface="+mj-lt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4635416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ext conten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5A62BB11-9EFF-F645-BCB6-C22776E9D0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32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030C526-47DC-3B45-BDB4-3CBB68F7E6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8E15B81-5BF2-6D47-B422-14E4A7A3C7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3E03C1-1867-4D1D-9725-54B60287B605}" type="datetime1">
              <a:rPr lang="en-US" smtClean="0"/>
              <a:t>5/1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232541C-BDB6-9B41-BD0A-BEE336E531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EA3E96B-CBB6-3C49-A743-98A233E35B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  <p:sp>
        <p:nvSpPr>
          <p:cNvPr id="8" name="Content Placeholder 8">
            <a:extLst>
              <a:ext uri="{FF2B5EF4-FFF2-40B4-BE49-F238E27FC236}">
                <a16:creationId xmlns:a16="http://schemas.microsoft.com/office/drawing/2014/main" id="{604AF51F-FB00-E846-AA12-12BD9665EC05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5" y="1476000"/>
            <a:ext cx="5544000" cy="424815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233774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No Logo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EE705D-33B1-944B-8CE4-56B5C4C553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3BA5EA-FB73-8444-A40D-D9380E8C45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CE43D8-09B4-453D-84B8-0DC09CD80744}" type="datetime1">
              <a:rPr lang="en-US" smtClean="0"/>
              <a:t>5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D0E20ED-4F03-A049-8598-82956CB897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9B7E5C-1573-9F4E-88D4-81D2D8850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8A183D33-F157-7142-B2D3-D4E025F8371E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074379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ank You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  <a:noFill/>
        </p:spPr>
        <p:txBody>
          <a:bodyPr/>
          <a:lstStyle>
            <a:lvl1pPr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F3A9D0-ADDC-44F4-BEF6-3A8862849F51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A2E6C500-BE65-7D4D-9151-1D3E24C5AED8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  <a:noFill/>
        </p:spPr>
        <p:txBody>
          <a:bodyPr/>
          <a:lstStyle>
            <a:lvl1pPr>
              <a:lnSpc>
                <a:spcPts val="3400"/>
              </a:lnSpc>
              <a:spcBef>
                <a:spcPts val="600"/>
              </a:spcBef>
              <a:spcAft>
                <a:spcPts val="600"/>
              </a:spcAft>
              <a:defRPr sz="3000">
                <a:solidFill>
                  <a:schemeClr val="tx1"/>
                </a:solidFill>
                <a:latin typeface="+mn-lt"/>
              </a:defRPr>
            </a:lvl1pPr>
            <a:lvl2pPr marL="216000" indent="-216000">
              <a:lnSpc>
                <a:spcPts val="3400"/>
              </a:lnSpc>
              <a:spcAft>
                <a:spcPts val="1200"/>
              </a:spcAft>
              <a:defRPr sz="3000">
                <a:solidFill>
                  <a:schemeClr val="tx1"/>
                </a:solidFill>
              </a:defRPr>
            </a:lvl2pPr>
            <a:lvl3pPr marL="57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tx1"/>
                </a:solidFill>
              </a:defRPr>
            </a:lvl3pPr>
            <a:lvl4pPr marL="129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tx1"/>
                </a:solidFill>
              </a:defRPr>
            </a:lvl4pPr>
            <a:lvl5pPr marL="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0" name="Picture Placeholder 8">
            <a:extLst>
              <a:ext uri="{FF2B5EF4-FFF2-40B4-BE49-F238E27FC236}">
                <a16:creationId xmlns:a16="http://schemas.microsoft.com/office/drawing/2014/main" id="{DBA1A7DB-C9F4-CF46-A300-1E25FFA0C866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943200" y="0"/>
            <a:ext cx="5248800" cy="5249688"/>
          </a:xfrm>
          <a:custGeom>
            <a:avLst/>
            <a:gdLst>
              <a:gd name="connsiteX0" fmla="*/ 0 w 5248800"/>
              <a:gd name="connsiteY0" fmla="*/ 0 h 5249688"/>
              <a:gd name="connsiteX1" fmla="*/ 5248800 w 5248800"/>
              <a:gd name="connsiteY1" fmla="*/ 0 h 5249688"/>
              <a:gd name="connsiteX2" fmla="*/ 5248800 w 5248800"/>
              <a:gd name="connsiteY2" fmla="*/ 4375266 h 5249688"/>
              <a:gd name="connsiteX3" fmla="*/ 4372800 w 5248800"/>
              <a:gd name="connsiteY3" fmla="*/ 5249688 h 5249688"/>
              <a:gd name="connsiteX4" fmla="*/ 4372800 w 5248800"/>
              <a:gd name="connsiteY4" fmla="*/ 4375266 h 5249688"/>
              <a:gd name="connsiteX5" fmla="*/ 3496800 w 5248800"/>
              <a:gd name="connsiteY5" fmla="*/ 5249688 h 5249688"/>
              <a:gd name="connsiteX6" fmla="*/ 3496800 w 5248800"/>
              <a:gd name="connsiteY6" fmla="*/ 4375266 h 5249688"/>
              <a:gd name="connsiteX7" fmla="*/ 2620800 w 5248800"/>
              <a:gd name="connsiteY7" fmla="*/ 5249688 h 5249688"/>
              <a:gd name="connsiteX8" fmla="*/ 2620800 w 5248800"/>
              <a:gd name="connsiteY8" fmla="*/ 4375266 h 5249688"/>
              <a:gd name="connsiteX9" fmla="*/ 1744800 w 5248800"/>
              <a:gd name="connsiteY9" fmla="*/ 5249688 h 5249688"/>
              <a:gd name="connsiteX10" fmla="*/ 1744800 w 5248800"/>
              <a:gd name="connsiteY10" fmla="*/ 4375266 h 5249688"/>
              <a:gd name="connsiteX11" fmla="*/ 868800 w 5248800"/>
              <a:gd name="connsiteY11" fmla="*/ 5249688 h 5249688"/>
              <a:gd name="connsiteX12" fmla="*/ 868800 w 5248800"/>
              <a:gd name="connsiteY12" fmla="*/ 4375266 h 5249688"/>
              <a:gd name="connsiteX13" fmla="*/ 0 w 5248800"/>
              <a:gd name="connsiteY13" fmla="*/ 5242501 h 52496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5248800" h="5249688">
                <a:moveTo>
                  <a:pt x="0" y="0"/>
                </a:moveTo>
                <a:lnTo>
                  <a:pt x="5248800" y="0"/>
                </a:lnTo>
                <a:lnTo>
                  <a:pt x="5248800" y="4375266"/>
                </a:lnTo>
                <a:lnTo>
                  <a:pt x="4372800" y="5249688"/>
                </a:lnTo>
                <a:lnTo>
                  <a:pt x="4372800" y="4375266"/>
                </a:lnTo>
                <a:lnTo>
                  <a:pt x="3496800" y="5249688"/>
                </a:lnTo>
                <a:lnTo>
                  <a:pt x="3496800" y="4375266"/>
                </a:lnTo>
                <a:lnTo>
                  <a:pt x="2620800" y="5249688"/>
                </a:lnTo>
                <a:lnTo>
                  <a:pt x="2620800" y="4375266"/>
                </a:lnTo>
                <a:lnTo>
                  <a:pt x="1744800" y="5249688"/>
                </a:lnTo>
                <a:lnTo>
                  <a:pt x="1744800" y="4375266"/>
                </a:lnTo>
                <a:lnTo>
                  <a:pt x="868800" y="5249688"/>
                </a:lnTo>
                <a:lnTo>
                  <a:pt x="868800" y="4375266"/>
                </a:lnTo>
                <a:lnTo>
                  <a:pt x="0" y="5242501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defRPr sz="20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120814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/>
          <p:cNvSpPr>
            <a:spLocks noGrp="1"/>
          </p:cNvSpPr>
          <p:nvPr>
            <p:ph sz="quarter" idx="13"/>
          </p:nvPr>
        </p:nvSpPr>
        <p:spPr>
          <a:xfrm>
            <a:off x="387625" y="1476000"/>
            <a:ext cx="11412000" cy="42480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BCF70B16-9173-4605-8852-01FCF762018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604F36A-EE50-4EE8-B507-FCC1EC014160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5ACEA59B-9083-4AB4-BAE2-3F12A09D867C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35E8D667-4E1E-45CD-B330-B95D9365915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AB62A1CB-9E39-4741-826A-9C123516D598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461628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11412000" cy="720000"/>
          </a:xfrm>
        </p:spPr>
        <p:txBody>
          <a:bodyPr/>
          <a:lstStyle/>
          <a:p>
            <a:r>
              <a:rPr lang="en-US" dirty="0"/>
              <a:t>Click to edit title sty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0013172" y="6285600"/>
            <a:ext cx="871122" cy="288000"/>
          </a:xfrm>
        </p:spPr>
        <p:txBody>
          <a:bodyPr/>
          <a:lstStyle/>
          <a:p>
            <a:fld id="{5E335379-D90C-4ABA-B318-79CCB60505DC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5733625" y="6286014"/>
            <a:ext cx="720000" cy="288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D311FF4A-6575-2B4F-8705-5DCE090EE65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255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024299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Grey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11412000" cy="720000"/>
          </a:xfrm>
        </p:spPr>
        <p:txBody>
          <a:bodyPr/>
          <a:lstStyle/>
          <a:p>
            <a:r>
              <a:rPr lang="en-US" dirty="0"/>
              <a:t>Click to edit title sty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3486555-4105-4DC1-B337-A51F31BE7676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D311FF4A-6575-2B4F-8705-5DCE090EE65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255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0871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Grey 2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</p:spPr>
        <p:txBody>
          <a:bodyPr/>
          <a:lstStyle/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7CCFF33-CC40-4A52-99AE-6FDE0D40F1CF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1" name="Picture Placeholder 12">
            <a:extLst>
              <a:ext uri="{FF2B5EF4-FFF2-40B4-BE49-F238E27FC236}">
                <a16:creationId xmlns:a16="http://schemas.microsoft.com/office/drawing/2014/main" id="{ABFFE6FA-CCB2-E944-AE78-BE364F701249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143626" y="0"/>
            <a:ext cx="6048375" cy="6063798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636915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wo Content Multicolou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AEC5D76C-ED68-064B-A7A9-C9CDFF56C986}"/>
              </a:ext>
            </a:extLst>
          </p:cNvPr>
          <p:cNvSpPr/>
          <p:nvPr userDrawn="1"/>
        </p:nvSpPr>
        <p:spPr>
          <a:xfrm>
            <a:off x="6108001" y="0"/>
            <a:ext cx="6083999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</p:spPr>
        <p:txBody>
          <a:bodyPr/>
          <a:lstStyle>
            <a:lvl1pPr>
              <a:lnSpc>
                <a:spcPct val="90000"/>
              </a:lnSpc>
              <a:defRPr/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476BA36-0D54-4861-9CFB-D3C082E6FA9B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604AF51F-FB00-E846-AA12-12BD9665EC05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5" y="1476000"/>
            <a:ext cx="5544000" cy="424815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5BDFD5DA-5D4B-7D46-A2DE-B3296588BC41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256075" y="1476000"/>
            <a:ext cx="5543550" cy="424815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95A022EB-FA1E-DE4C-95B5-3863E488B3CB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56075" y="331200"/>
            <a:ext cx="5544000" cy="720000"/>
          </a:xfrm>
        </p:spPr>
        <p:txBody>
          <a:bodyPr/>
          <a:lstStyle>
            <a:lvl1pPr>
              <a:lnSpc>
                <a:spcPct val="90000"/>
              </a:lnSpc>
              <a:defRPr sz="50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lick to edit title</a:t>
            </a:r>
          </a:p>
        </p:txBody>
      </p:sp>
      <p:sp>
        <p:nvSpPr>
          <p:cNvPr id="15" name="Freeform 5">
            <a:extLst>
              <a:ext uri="{FF2B5EF4-FFF2-40B4-BE49-F238E27FC236}">
                <a16:creationId xmlns:a16="http://schemas.microsoft.com/office/drawing/2014/main" id="{041B81D9-D63C-3A45-B5D1-F0E0F712AC19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981215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5A62BB11-9EFF-F645-BCB6-C22776E9D0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32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0703C04-8D45-924B-BC45-6A7109C11F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9DDF13-B8DE-440E-A518-F2833607D808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EDF0389-2F78-6941-81DE-B9CAA34DCB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42C897D-5B61-914B-8ED5-263B924C2D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46A7E639-1729-EF45-A48C-17927EC5B25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800" y="331201"/>
            <a:ext cx="10440000" cy="3096000"/>
          </a:xfrm>
        </p:spPr>
        <p:txBody>
          <a:bodyPr/>
          <a:lstStyle>
            <a:lvl1pPr>
              <a:lnSpc>
                <a:spcPts val="5500"/>
              </a:lnSpc>
              <a:spcAft>
                <a:spcPts val="2400"/>
              </a:spcAft>
              <a:defRPr sz="5000" spc="-50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990021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>
    <p:ext uri="{DCECCB84-F9BA-43D5-87BE-67443E8EF086}">
      <p15:sldGuideLst xmlns:p15="http://schemas.microsoft.com/office/powerpoint/2012/main">
        <p15:guide id="1" pos="6825">
          <p15:clr>
            <a:srgbClr val="F26B43"/>
          </p15:clr>
        </p15:guide>
      </p15:sldGuideLst>
    </p:ext>
  </p:extLst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Fig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BC65874E-B7B2-864B-97BA-3B61A51574FB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143626" y="0"/>
            <a:ext cx="6048375" cy="6063798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0E1B9C-4020-8D40-8114-6D2077D17E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C98C10-868F-4E61-97E2-239027AD863B}" type="datetime1">
              <a:rPr lang="en-US" smtClean="0"/>
              <a:t>5/1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5F6BFB6-8E76-E74C-8B47-4AA68D18E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1EDAD2-3870-D94F-A3B0-6B52A88720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0700E41C-0494-6441-8E0D-BE244BFA449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59999" y="1008000"/>
            <a:ext cx="4348937" cy="1980000"/>
          </a:xfrm>
        </p:spPr>
        <p:txBody>
          <a:bodyPr anchor="t" anchorCtr="0"/>
          <a:lstStyle>
            <a:lvl1pPr>
              <a:lnSpc>
                <a:spcPct val="100000"/>
              </a:lnSpc>
              <a:defRPr sz="14000" b="0" i="0" spc="-150" baseline="0">
                <a:solidFill>
                  <a:schemeClr val="accent1"/>
                </a:solidFill>
                <a:latin typeface="Aktiv Grotesk Thin" panose="020B0404020202020204" pitchFamily="34" charset="0"/>
                <a:cs typeface="Aktiv Grotesk Thin" panose="020B0404020202020204" pitchFamily="34" charset="0"/>
              </a:defRPr>
            </a:lvl1pPr>
          </a:lstStyle>
          <a:p>
            <a:pPr lvl="0"/>
            <a:r>
              <a:rPr lang="en-US" dirty="0"/>
              <a:t>00%</a:t>
            </a:r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58B65A77-B204-F543-AF6D-4E63C03889B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937" y="2987999"/>
            <a:ext cx="4320000" cy="2736000"/>
          </a:xfrm>
        </p:spPr>
        <p:txBody>
          <a:bodyPr/>
          <a:lstStyle>
            <a:lvl1pPr>
              <a:lnSpc>
                <a:spcPts val="3400"/>
              </a:lnSpc>
              <a:spcAft>
                <a:spcPts val="1200"/>
              </a:spcAft>
              <a:defRPr sz="3000">
                <a:solidFill>
                  <a:schemeClr val="accent1"/>
                </a:solidFill>
                <a:latin typeface="+mj-lt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2292059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wo Content Multicolou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AEC5D76C-ED68-064B-A7A9-C9CDFF56C986}"/>
              </a:ext>
            </a:extLst>
          </p:cNvPr>
          <p:cNvSpPr/>
          <p:nvPr userDrawn="1"/>
        </p:nvSpPr>
        <p:spPr>
          <a:xfrm>
            <a:off x="6108001" y="0"/>
            <a:ext cx="6083999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</p:spPr>
        <p:txBody>
          <a:bodyPr/>
          <a:lstStyle>
            <a:lvl1pPr>
              <a:lnSpc>
                <a:spcPct val="90000"/>
              </a:lnSpc>
              <a:defRPr/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A8FF16-3641-4F20-937D-88774DD5391F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604AF51F-FB00-E846-AA12-12BD9665EC05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5" y="1476000"/>
            <a:ext cx="5544000" cy="424815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5BDFD5DA-5D4B-7D46-A2DE-B3296588BC41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256075" y="1476000"/>
            <a:ext cx="5543550" cy="424815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95A022EB-FA1E-DE4C-95B5-3863E488B3CB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56075" y="331200"/>
            <a:ext cx="5544000" cy="720000"/>
          </a:xfrm>
        </p:spPr>
        <p:txBody>
          <a:bodyPr/>
          <a:lstStyle>
            <a:lvl1pPr>
              <a:lnSpc>
                <a:spcPct val="90000"/>
              </a:lnSpc>
              <a:defRPr sz="50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lick to edit title</a:t>
            </a:r>
          </a:p>
        </p:txBody>
      </p:sp>
      <p:sp>
        <p:nvSpPr>
          <p:cNvPr id="15" name="Freeform 5">
            <a:extLst>
              <a:ext uri="{FF2B5EF4-FFF2-40B4-BE49-F238E27FC236}">
                <a16:creationId xmlns:a16="http://schemas.microsoft.com/office/drawing/2014/main" id="{041B81D9-D63C-3A45-B5D1-F0E0F712AC19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741950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4256A8C-F631-5048-933E-36BB2B7193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37BF11B-BFB4-47DF-B971-63BC6E8CFC72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5ABC13E-3AAB-A84C-BD3A-6009A004F8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0E142A4-736B-DF4E-A72E-E936C45320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Media Placeholder 6">
            <a:extLst>
              <a:ext uri="{FF2B5EF4-FFF2-40B4-BE49-F238E27FC236}">
                <a16:creationId xmlns:a16="http://schemas.microsoft.com/office/drawing/2014/main" id="{38A3C210-3C6C-BB4E-AB18-520DA31DFF9D}"/>
              </a:ext>
            </a:extLst>
          </p:cNvPr>
          <p:cNvSpPr>
            <a:spLocks noGrp="1"/>
          </p:cNvSpPr>
          <p:nvPr>
            <p:ph type="media" sz="quarter" idx="13"/>
          </p:nvPr>
        </p:nvSpPr>
        <p:spPr>
          <a:xfrm>
            <a:off x="0" y="0"/>
            <a:ext cx="12192000" cy="6858000"/>
          </a:xfrm>
        </p:spPr>
        <p:txBody>
          <a:bodyPr anchor="ctr" anchorCtr="0"/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media</a:t>
            </a:r>
            <a:endParaRPr lang="en-GB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017182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30C526-47DC-3B45-BDB4-3CBB68F7E6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8E15B81-5BF2-6D47-B422-14E4A7A3C7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933A36-3448-4A3C-9478-8E29ABDF1262}" type="datetime1">
              <a:rPr lang="en-US" smtClean="0"/>
              <a:t>5/1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232541C-BDB6-9B41-BD0A-BEE336E531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EA3E96B-CBB6-3C49-A743-98A233E35B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617731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0E1B9C-4020-8D40-8114-6D2077D17E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1803F0A-4276-4615-849D-E4DC8A3C4CFD}" type="datetime1">
              <a:rPr lang="en-US" smtClean="0"/>
              <a:t>5/1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5F6BFB6-8E76-E74C-8B47-4AA68D18E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1EDAD2-3870-D94F-A3B0-6B52A88720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99808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Styl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92E2A5-0A94-224E-8A8B-B758F5D4968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7200000" cy="18720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 spc="-80" baseline="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 dirty="0"/>
              <a:t>Click to edit</a:t>
            </a:r>
            <a:br>
              <a:rPr lang="en-US" dirty="0"/>
            </a:br>
            <a:r>
              <a:rPr lang="en-US" dirty="0"/>
              <a:t>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CFEDDD2-D68A-E247-BA34-D7FF7F62186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88800" y="3384000"/>
            <a:ext cx="3600000" cy="10800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400"/>
              </a:lnSpc>
              <a:buNone/>
              <a:defRPr sz="3200">
                <a:solidFill>
                  <a:schemeClr val="accent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F7F29FA-07B2-9246-BD54-54AEE122F8A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8800" y="6156000"/>
            <a:ext cx="3600000" cy="432000"/>
          </a:xfrm>
        </p:spPr>
        <p:txBody>
          <a:bodyPr/>
          <a:lstStyle>
            <a:lvl1pPr>
              <a:defRPr sz="2000">
                <a:solidFill>
                  <a:schemeClr val="accent1"/>
                </a:solidFill>
              </a:defRPr>
            </a:lvl1pPr>
          </a:lstStyle>
          <a:p>
            <a:fld id="{F76928BC-837A-46EF-828A-91EBEB0416D0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DD5AB6-3BDE-8946-9C08-9BEBB7A271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63357B-3FE8-5841-80A6-42A2944A83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-1947600" y="6285600"/>
            <a:ext cx="720000" cy="288000"/>
          </a:xfrm>
        </p:spPr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8" name="Picture Placeholder 14">
            <a:extLst>
              <a:ext uri="{FF2B5EF4-FFF2-40B4-BE49-F238E27FC236}">
                <a16:creationId xmlns:a16="http://schemas.microsoft.com/office/drawing/2014/main" id="{DC2DEB31-5E37-0B41-AEA9-67D88C042BF1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7599600" y="-1"/>
            <a:ext cx="4597199" cy="4593599"/>
          </a:xfrm>
          <a:custGeom>
            <a:avLst/>
            <a:gdLst>
              <a:gd name="connsiteX0" fmla="*/ 0 w 4597199"/>
              <a:gd name="connsiteY0" fmla="*/ 0 h 4593599"/>
              <a:gd name="connsiteX1" fmla="*/ 4597199 w 4597199"/>
              <a:gd name="connsiteY1" fmla="*/ 0 h 4593599"/>
              <a:gd name="connsiteX2" fmla="*/ 4597199 w 4597199"/>
              <a:gd name="connsiteY2" fmla="*/ 4593599 h 4593599"/>
              <a:gd name="connsiteX3" fmla="*/ 761399 w 4597199"/>
              <a:gd name="connsiteY3" fmla="*/ 4593599 h 4593599"/>
              <a:gd name="connsiteX4" fmla="*/ 0 w 4597199"/>
              <a:gd name="connsiteY4" fmla="*/ 3833781 h 4593599"/>
              <a:gd name="connsiteX5" fmla="*/ 0 w 4597199"/>
              <a:gd name="connsiteY5" fmla="*/ 3828704 h 4593599"/>
              <a:gd name="connsiteX6" fmla="*/ 761400 w 4597199"/>
              <a:gd name="connsiteY6" fmla="*/ 3828704 h 4593599"/>
              <a:gd name="connsiteX7" fmla="*/ 0 w 4597199"/>
              <a:gd name="connsiteY7" fmla="*/ 3068885 h 4593599"/>
              <a:gd name="connsiteX8" fmla="*/ 0 w 4597199"/>
              <a:gd name="connsiteY8" fmla="*/ 3063809 h 4593599"/>
              <a:gd name="connsiteX9" fmla="*/ 761400 w 4597199"/>
              <a:gd name="connsiteY9" fmla="*/ 3063809 h 4593599"/>
              <a:gd name="connsiteX10" fmla="*/ 0 w 4597199"/>
              <a:gd name="connsiteY10" fmla="*/ 2301191 h 4593599"/>
              <a:gd name="connsiteX11" fmla="*/ 0 w 4597199"/>
              <a:gd name="connsiteY11" fmla="*/ 2296096 h 4593599"/>
              <a:gd name="connsiteX12" fmla="*/ 761400 w 4597199"/>
              <a:gd name="connsiteY12" fmla="*/ 2296096 h 4593599"/>
              <a:gd name="connsiteX13" fmla="*/ 0 w 4597199"/>
              <a:gd name="connsiteY13" fmla="*/ 1536277 h 4593599"/>
              <a:gd name="connsiteX14" fmla="*/ 0 w 4597199"/>
              <a:gd name="connsiteY14" fmla="*/ 1531200 h 4593599"/>
              <a:gd name="connsiteX15" fmla="*/ 761400 w 4597199"/>
              <a:gd name="connsiteY15" fmla="*/ 1531200 h 4593599"/>
              <a:gd name="connsiteX16" fmla="*/ 0 w 4597199"/>
              <a:gd name="connsiteY16" fmla="*/ 771381 h 4593599"/>
              <a:gd name="connsiteX17" fmla="*/ 0 w 4597199"/>
              <a:gd name="connsiteY17" fmla="*/ 766304 h 4593599"/>
              <a:gd name="connsiteX18" fmla="*/ 761400 w 4597199"/>
              <a:gd name="connsiteY18" fmla="*/ 766304 h 4593599"/>
              <a:gd name="connsiteX19" fmla="*/ 0 w 4597199"/>
              <a:gd name="connsiteY19" fmla="*/ 5086 h 459359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</a:cxnLst>
            <a:rect l="l" t="t" r="r" b="b"/>
            <a:pathLst>
              <a:path w="4597199" h="4593599">
                <a:moveTo>
                  <a:pt x="0" y="0"/>
                </a:moveTo>
                <a:lnTo>
                  <a:pt x="4597199" y="0"/>
                </a:lnTo>
                <a:lnTo>
                  <a:pt x="4597199" y="4593599"/>
                </a:lnTo>
                <a:lnTo>
                  <a:pt x="761399" y="4593599"/>
                </a:lnTo>
                <a:lnTo>
                  <a:pt x="0" y="3833781"/>
                </a:lnTo>
                <a:lnTo>
                  <a:pt x="0" y="3828704"/>
                </a:lnTo>
                <a:lnTo>
                  <a:pt x="761400" y="3828704"/>
                </a:lnTo>
                <a:lnTo>
                  <a:pt x="0" y="3068885"/>
                </a:lnTo>
                <a:lnTo>
                  <a:pt x="0" y="3063809"/>
                </a:lnTo>
                <a:lnTo>
                  <a:pt x="761400" y="3063809"/>
                </a:lnTo>
                <a:lnTo>
                  <a:pt x="0" y="2301191"/>
                </a:lnTo>
                <a:lnTo>
                  <a:pt x="0" y="2296096"/>
                </a:lnTo>
                <a:lnTo>
                  <a:pt x="761400" y="2296096"/>
                </a:lnTo>
                <a:lnTo>
                  <a:pt x="0" y="1536277"/>
                </a:lnTo>
                <a:lnTo>
                  <a:pt x="0" y="1531200"/>
                </a:lnTo>
                <a:lnTo>
                  <a:pt x="761400" y="1531200"/>
                </a:lnTo>
                <a:lnTo>
                  <a:pt x="0" y="771381"/>
                </a:lnTo>
                <a:lnTo>
                  <a:pt x="0" y="766304"/>
                </a:lnTo>
                <a:lnTo>
                  <a:pt x="761400" y="766304"/>
                </a:lnTo>
                <a:lnTo>
                  <a:pt x="0" y="5086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defRPr sz="2000"/>
            </a:lvl1pPr>
          </a:lstStyle>
          <a:p>
            <a:endParaRPr lang="en-GB" dirty="0"/>
          </a:p>
        </p:txBody>
      </p:sp>
      <p:pic>
        <p:nvPicPr>
          <p:cNvPr id="12" name="Picture 2"/>
          <p:cNvPicPr>
            <a:picLocks noChangeAspect="1" noChangeArrowheads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1976165" y="4621909"/>
            <a:ext cx="1916715" cy="5791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3" name="TextBox 12"/>
          <p:cNvSpPr txBox="1"/>
          <p:nvPr userDrawn="1"/>
        </p:nvSpPr>
        <p:spPr>
          <a:xfrm>
            <a:off x="-1980728" y="5221649"/>
            <a:ext cx="1916715" cy="1015663"/>
          </a:xfrm>
          <a:prstGeom prst="rect">
            <a:avLst/>
          </a:prstGeom>
          <a:solidFill>
            <a:schemeClr val="bg1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en-GB" sz="1000" b="1" dirty="0">
                <a:solidFill>
                  <a:srgbClr val="D22630"/>
                </a:solidFill>
                <a:latin typeface="+mn-lt"/>
              </a:rPr>
              <a:t>Note</a:t>
            </a:r>
            <a:r>
              <a:rPr lang="en-GB" sz="1000" dirty="0">
                <a:solidFill>
                  <a:srgbClr val="D22630"/>
                </a:solidFill>
                <a:latin typeface="+mn-lt"/>
              </a:rPr>
              <a:t>: </a:t>
            </a:r>
            <a:r>
              <a:rPr lang="en-GB" sz="1000" dirty="0">
                <a:latin typeface="+mn-lt"/>
              </a:rPr>
              <a:t>To change text styles, place text cursor in text and choose to promote or demote level with one of</a:t>
            </a:r>
            <a:br>
              <a:rPr lang="en-GB" sz="1000" dirty="0">
                <a:latin typeface="+mn-lt"/>
              </a:rPr>
            </a:br>
            <a:r>
              <a:rPr lang="en-GB" sz="1000" dirty="0">
                <a:latin typeface="+mn-lt"/>
              </a:rPr>
              <a:t>the indicated buttons.</a:t>
            </a:r>
          </a:p>
          <a:p>
            <a:r>
              <a:rPr lang="en-GB" sz="1000" dirty="0">
                <a:latin typeface="+mn-lt"/>
              </a:rPr>
              <a:t>(located on the HOME tab)</a:t>
            </a:r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0C7D4C7D-8888-F24A-8D56-9B5233DECD7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752730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Cover Style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DD5AB6-3BDE-8946-9C08-9BEBB7A271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63357B-3FE8-5841-80A6-42A2944A83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-1947600" y="6285600"/>
            <a:ext cx="720000" cy="288000"/>
          </a:xfrm>
        </p:spPr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C7D4C7D-8888-F24A-8D56-9B5233DECD7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6853F4E6-622D-6746-9222-95B6AD41F62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560000" y="0"/>
            <a:ext cx="7632000" cy="6858000"/>
          </a:xfrm>
          <a:custGeom>
            <a:avLst/>
            <a:gdLst>
              <a:gd name="connsiteX0" fmla="*/ 0 w 7632000"/>
              <a:gd name="connsiteY0" fmla="*/ 0 h 6858000"/>
              <a:gd name="connsiteX1" fmla="*/ 7632000 w 7632000"/>
              <a:gd name="connsiteY1" fmla="*/ 0 h 6858000"/>
              <a:gd name="connsiteX2" fmla="*/ 7632000 w 7632000"/>
              <a:gd name="connsiteY2" fmla="*/ 6858000 h 6858000"/>
              <a:gd name="connsiteX3" fmla="*/ 2291650 w 7632000"/>
              <a:gd name="connsiteY3" fmla="*/ 6858000 h 6858000"/>
              <a:gd name="connsiteX4" fmla="*/ 2291650 w 7632000"/>
              <a:gd name="connsiteY4" fmla="*/ 6444218 h 6858000"/>
              <a:gd name="connsiteX5" fmla="*/ 2291650 w 7632000"/>
              <a:gd name="connsiteY5" fmla="*/ 2287588 h 6858000"/>
              <a:gd name="connsiteX6" fmla="*/ 7767 w 7632000"/>
              <a:gd name="connsiteY6" fmla="*/ 1588 h 6858000"/>
              <a:gd name="connsiteX7" fmla="*/ 0 w 7632000"/>
              <a:gd name="connsiteY7" fmla="*/ 1588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7632000" h="6858000">
                <a:moveTo>
                  <a:pt x="0" y="0"/>
                </a:moveTo>
                <a:lnTo>
                  <a:pt x="7632000" y="0"/>
                </a:lnTo>
                <a:lnTo>
                  <a:pt x="7632000" y="6858000"/>
                </a:lnTo>
                <a:lnTo>
                  <a:pt x="2291650" y="6858000"/>
                </a:lnTo>
                <a:lnTo>
                  <a:pt x="2291650" y="6444218"/>
                </a:lnTo>
                <a:cubicBezTo>
                  <a:pt x="2291650" y="2287588"/>
                  <a:pt x="2291650" y="2287588"/>
                  <a:pt x="2291650" y="2287588"/>
                </a:cubicBezTo>
                <a:cubicBezTo>
                  <a:pt x="1030756" y="2287588"/>
                  <a:pt x="7767" y="1263651"/>
                  <a:pt x="7767" y="1588"/>
                </a:cubicBezTo>
                <a:lnTo>
                  <a:pt x="0" y="1588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F8EBC734-0E89-CC45-A68A-9AA8FBB43BD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30000" y="5677200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7A149394-4D07-864E-9E2A-539CE02EB30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5400000" cy="1881538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 spc="-8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 dirty="0"/>
              <a:t>Click to </a:t>
            </a:r>
            <a:br>
              <a:rPr lang="en-US" dirty="0"/>
            </a:br>
            <a:r>
              <a:rPr lang="en-US" dirty="0"/>
              <a:t>edit title 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0CFEDDD2-D68A-E247-BA34-D7FF7F62186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88800" y="3384000"/>
            <a:ext cx="3600000" cy="10800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400"/>
              </a:lnSpc>
              <a:buNone/>
              <a:defRPr sz="3200">
                <a:solidFill>
                  <a:schemeClr val="tx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subtitle style</a:t>
            </a:r>
          </a:p>
        </p:txBody>
      </p:sp>
      <p:sp>
        <p:nvSpPr>
          <p:cNvPr id="10" name="Date Placeholder 3">
            <a:extLst>
              <a:ext uri="{FF2B5EF4-FFF2-40B4-BE49-F238E27FC236}">
                <a16:creationId xmlns:a16="http://schemas.microsoft.com/office/drawing/2014/main" id="{9F7F29FA-07B2-9246-BD54-54AEE122F8A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8800" y="6156000"/>
            <a:ext cx="3600000" cy="432000"/>
          </a:xfrm>
        </p:spPr>
        <p:txBody>
          <a:bodyPr/>
          <a:lstStyle>
            <a:lvl1pPr>
              <a:defRPr sz="2000">
                <a:solidFill>
                  <a:schemeClr val="tx1"/>
                </a:solidFill>
              </a:defRPr>
            </a:lvl1pPr>
          </a:lstStyle>
          <a:p>
            <a:fld id="{65A2D3D7-51CC-404A-8427-F7C864990F99}" type="datetime1">
              <a:rPr lang="en-US" smtClean="0"/>
              <a:t>5/18/202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091082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Style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DD5AB6-3BDE-8946-9C08-9BEBB7A271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63357B-3FE8-5841-80A6-42A2944A83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-1947600" y="6285600"/>
            <a:ext cx="720000" cy="288000"/>
          </a:xfrm>
        </p:spPr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7A149394-4D07-864E-9E2A-539CE02EB30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5400000" cy="1881538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 spc="-8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 dirty="0"/>
              <a:t>Click to </a:t>
            </a:r>
            <a:br>
              <a:rPr lang="en-US" dirty="0"/>
            </a:br>
            <a:r>
              <a:rPr lang="en-US" dirty="0"/>
              <a:t>edit title </a:t>
            </a:r>
          </a:p>
        </p:txBody>
      </p:sp>
      <p:sp>
        <p:nvSpPr>
          <p:cNvPr id="19" name="Date Placeholder 3">
            <a:extLst>
              <a:ext uri="{FF2B5EF4-FFF2-40B4-BE49-F238E27FC236}">
                <a16:creationId xmlns:a16="http://schemas.microsoft.com/office/drawing/2014/main" id="{0B7F3AF0-22C6-CD4E-B1AD-F64EA21AD56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8800" y="6156000"/>
            <a:ext cx="3600000" cy="432000"/>
          </a:xfrm>
        </p:spPr>
        <p:txBody>
          <a:bodyPr/>
          <a:lstStyle>
            <a:lvl1pPr>
              <a:defRPr sz="2000">
                <a:solidFill>
                  <a:schemeClr val="tx1"/>
                </a:solidFill>
              </a:defRPr>
            </a:lvl1pPr>
          </a:lstStyle>
          <a:p>
            <a:fld id="{3CC3C239-DE4B-4339-A07E-597C7E7023AC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C7D4C7D-8888-F24A-8D56-9B5233DECD7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0CFEDDD2-D68A-E247-BA34-D7FF7F62186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88800" y="3384000"/>
            <a:ext cx="3600000" cy="10800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400"/>
              </a:lnSpc>
              <a:buNone/>
              <a:defRPr sz="3200">
                <a:solidFill>
                  <a:schemeClr val="tx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subtitle style</a:t>
            </a:r>
          </a:p>
        </p:txBody>
      </p:sp>
      <p:sp>
        <p:nvSpPr>
          <p:cNvPr id="10" name="Picture Placeholder 14">
            <a:extLst>
              <a:ext uri="{FF2B5EF4-FFF2-40B4-BE49-F238E27FC236}">
                <a16:creationId xmlns:a16="http://schemas.microsoft.com/office/drawing/2014/main" id="{DC2DEB31-5E37-0B41-AEA9-67D88C042BF1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7599600" y="-1"/>
            <a:ext cx="4597199" cy="4593599"/>
          </a:xfrm>
          <a:custGeom>
            <a:avLst/>
            <a:gdLst>
              <a:gd name="connsiteX0" fmla="*/ 0 w 4597199"/>
              <a:gd name="connsiteY0" fmla="*/ 0 h 4593599"/>
              <a:gd name="connsiteX1" fmla="*/ 4597199 w 4597199"/>
              <a:gd name="connsiteY1" fmla="*/ 0 h 4593599"/>
              <a:gd name="connsiteX2" fmla="*/ 4597199 w 4597199"/>
              <a:gd name="connsiteY2" fmla="*/ 4593599 h 4593599"/>
              <a:gd name="connsiteX3" fmla="*/ 761399 w 4597199"/>
              <a:gd name="connsiteY3" fmla="*/ 4593599 h 4593599"/>
              <a:gd name="connsiteX4" fmla="*/ 0 w 4597199"/>
              <a:gd name="connsiteY4" fmla="*/ 3833781 h 4593599"/>
              <a:gd name="connsiteX5" fmla="*/ 0 w 4597199"/>
              <a:gd name="connsiteY5" fmla="*/ 3828704 h 4593599"/>
              <a:gd name="connsiteX6" fmla="*/ 761400 w 4597199"/>
              <a:gd name="connsiteY6" fmla="*/ 3828704 h 4593599"/>
              <a:gd name="connsiteX7" fmla="*/ 0 w 4597199"/>
              <a:gd name="connsiteY7" fmla="*/ 3068885 h 4593599"/>
              <a:gd name="connsiteX8" fmla="*/ 0 w 4597199"/>
              <a:gd name="connsiteY8" fmla="*/ 3063809 h 4593599"/>
              <a:gd name="connsiteX9" fmla="*/ 761400 w 4597199"/>
              <a:gd name="connsiteY9" fmla="*/ 3063809 h 4593599"/>
              <a:gd name="connsiteX10" fmla="*/ 0 w 4597199"/>
              <a:gd name="connsiteY10" fmla="*/ 2301191 h 4593599"/>
              <a:gd name="connsiteX11" fmla="*/ 0 w 4597199"/>
              <a:gd name="connsiteY11" fmla="*/ 2296096 h 4593599"/>
              <a:gd name="connsiteX12" fmla="*/ 761400 w 4597199"/>
              <a:gd name="connsiteY12" fmla="*/ 2296096 h 4593599"/>
              <a:gd name="connsiteX13" fmla="*/ 0 w 4597199"/>
              <a:gd name="connsiteY13" fmla="*/ 1536277 h 4593599"/>
              <a:gd name="connsiteX14" fmla="*/ 0 w 4597199"/>
              <a:gd name="connsiteY14" fmla="*/ 1531200 h 4593599"/>
              <a:gd name="connsiteX15" fmla="*/ 761400 w 4597199"/>
              <a:gd name="connsiteY15" fmla="*/ 1531200 h 4593599"/>
              <a:gd name="connsiteX16" fmla="*/ 0 w 4597199"/>
              <a:gd name="connsiteY16" fmla="*/ 771381 h 4593599"/>
              <a:gd name="connsiteX17" fmla="*/ 0 w 4597199"/>
              <a:gd name="connsiteY17" fmla="*/ 766304 h 4593599"/>
              <a:gd name="connsiteX18" fmla="*/ 761400 w 4597199"/>
              <a:gd name="connsiteY18" fmla="*/ 766304 h 4593599"/>
              <a:gd name="connsiteX19" fmla="*/ 0 w 4597199"/>
              <a:gd name="connsiteY19" fmla="*/ 5086 h 459359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</a:cxnLst>
            <a:rect l="l" t="t" r="r" b="b"/>
            <a:pathLst>
              <a:path w="4597199" h="4593599">
                <a:moveTo>
                  <a:pt x="0" y="0"/>
                </a:moveTo>
                <a:lnTo>
                  <a:pt x="4597199" y="0"/>
                </a:lnTo>
                <a:lnTo>
                  <a:pt x="4597199" y="4593599"/>
                </a:lnTo>
                <a:lnTo>
                  <a:pt x="761399" y="4593599"/>
                </a:lnTo>
                <a:lnTo>
                  <a:pt x="0" y="3833781"/>
                </a:lnTo>
                <a:lnTo>
                  <a:pt x="0" y="3828704"/>
                </a:lnTo>
                <a:lnTo>
                  <a:pt x="761400" y="3828704"/>
                </a:lnTo>
                <a:lnTo>
                  <a:pt x="0" y="3068885"/>
                </a:lnTo>
                <a:lnTo>
                  <a:pt x="0" y="3063809"/>
                </a:lnTo>
                <a:lnTo>
                  <a:pt x="761400" y="3063809"/>
                </a:lnTo>
                <a:lnTo>
                  <a:pt x="0" y="2301191"/>
                </a:lnTo>
                <a:lnTo>
                  <a:pt x="0" y="2296096"/>
                </a:lnTo>
                <a:lnTo>
                  <a:pt x="761400" y="2296096"/>
                </a:lnTo>
                <a:lnTo>
                  <a:pt x="0" y="1536277"/>
                </a:lnTo>
                <a:lnTo>
                  <a:pt x="0" y="1531200"/>
                </a:lnTo>
                <a:lnTo>
                  <a:pt x="761400" y="1531200"/>
                </a:lnTo>
                <a:lnTo>
                  <a:pt x="0" y="771381"/>
                </a:lnTo>
                <a:lnTo>
                  <a:pt x="0" y="766304"/>
                </a:lnTo>
                <a:lnTo>
                  <a:pt x="761400" y="766304"/>
                </a:lnTo>
                <a:lnTo>
                  <a:pt x="0" y="5086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defRPr sz="20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245486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over Style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9">
            <a:extLst>
              <a:ext uri="{FF2B5EF4-FFF2-40B4-BE49-F238E27FC236}">
                <a16:creationId xmlns:a16="http://schemas.microsoft.com/office/drawing/2014/main" id="{B391F902-427D-AE47-AB21-70E08B278D6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102000" y="0"/>
            <a:ext cx="6091200" cy="6858000"/>
          </a:xfrm>
          <a:custGeom>
            <a:avLst/>
            <a:gdLst>
              <a:gd name="connsiteX0" fmla="*/ 0 w 6091200"/>
              <a:gd name="connsiteY0" fmla="*/ 0 h 6858000"/>
              <a:gd name="connsiteX1" fmla="*/ 6091200 w 6091200"/>
              <a:gd name="connsiteY1" fmla="*/ 0 h 6858000"/>
              <a:gd name="connsiteX2" fmla="*/ 6091200 w 6091200"/>
              <a:gd name="connsiteY2" fmla="*/ 6858000 h 6858000"/>
              <a:gd name="connsiteX3" fmla="*/ 2286000 w 6091200"/>
              <a:gd name="connsiteY3" fmla="*/ 6858000 h 6858000"/>
              <a:gd name="connsiteX4" fmla="*/ 2286000 w 6091200"/>
              <a:gd name="connsiteY4" fmla="*/ 3429000 h 6858000"/>
              <a:gd name="connsiteX5" fmla="*/ 0 w 6091200"/>
              <a:gd name="connsiteY5" fmla="*/ 3429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91200" h="6858000">
                <a:moveTo>
                  <a:pt x="0" y="0"/>
                </a:moveTo>
                <a:lnTo>
                  <a:pt x="6091200" y="0"/>
                </a:lnTo>
                <a:lnTo>
                  <a:pt x="6091200" y="6858000"/>
                </a:lnTo>
                <a:lnTo>
                  <a:pt x="2286000" y="6858000"/>
                </a:lnTo>
                <a:lnTo>
                  <a:pt x="2286000" y="3429000"/>
                </a:lnTo>
                <a:lnTo>
                  <a:pt x="0" y="3429000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wrap="square" anchor="ctr" anchorCtr="0">
            <a:noAutofit/>
          </a:bodyPr>
          <a:lstStyle>
            <a:lvl1pPr algn="ctr">
              <a:defRPr sz="2000"/>
            </a:lvl1pPr>
          </a:lstStyle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DD5AB6-3BDE-8946-9C08-9BEBB7A271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63357B-3FE8-5841-80A6-42A2944A83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-1947600" y="6285600"/>
            <a:ext cx="720000" cy="288000"/>
          </a:xfrm>
        </p:spPr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7A149394-4D07-864E-9E2A-539CE02EB30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5400000" cy="1881538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 spc="-8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 dirty="0"/>
              <a:t>Click to </a:t>
            </a:r>
            <a:br>
              <a:rPr lang="en-US" dirty="0"/>
            </a:br>
            <a:r>
              <a:rPr lang="en-US" dirty="0"/>
              <a:t>edit title </a:t>
            </a:r>
          </a:p>
        </p:txBody>
      </p:sp>
      <p:sp>
        <p:nvSpPr>
          <p:cNvPr id="19" name="Date Placeholder 3">
            <a:extLst>
              <a:ext uri="{FF2B5EF4-FFF2-40B4-BE49-F238E27FC236}">
                <a16:creationId xmlns:a16="http://schemas.microsoft.com/office/drawing/2014/main" id="{0B7F3AF0-22C6-CD4E-B1AD-F64EA21AD56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8800" y="6156000"/>
            <a:ext cx="3600000" cy="432000"/>
          </a:xfrm>
        </p:spPr>
        <p:txBody>
          <a:bodyPr/>
          <a:lstStyle>
            <a:lvl1pPr>
              <a:defRPr sz="2000">
                <a:solidFill>
                  <a:schemeClr val="tx1"/>
                </a:solidFill>
              </a:defRPr>
            </a:lvl1pPr>
          </a:lstStyle>
          <a:p>
            <a:fld id="{320A2EA7-2AF7-405A-AAB8-BA39D11E81D4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C7D4C7D-8888-F24A-8D56-9B5233DECD7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0CFEDDD2-D68A-E247-BA34-D7FF7F62186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88800" y="3384000"/>
            <a:ext cx="3600000" cy="10800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400"/>
              </a:lnSpc>
              <a:buNone/>
              <a:defRPr sz="3200">
                <a:solidFill>
                  <a:schemeClr val="tx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subtitle style</a:t>
            </a:r>
          </a:p>
        </p:txBody>
      </p:sp>
    </p:spTree>
    <p:extLst>
      <p:ext uri="{BB962C8B-B14F-4D97-AF65-F5344CB8AC3E}">
        <p14:creationId xmlns:p14="http://schemas.microsoft.com/office/powerpoint/2010/main" val="29258002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EE705D-33B1-944B-8CE4-56B5C4C553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3BA5EA-FB73-8444-A40D-D9380E8C45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D044908-4C32-460B-BB66-2C0D258FF8EC}" type="datetime1">
              <a:rPr lang="en-US" smtClean="0"/>
              <a:t>5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D0E20ED-4F03-A049-8598-82956CB897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9B7E5C-1573-9F4E-88D4-81D2D8850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8A183D33-F157-7142-B2D3-D4E025F8371E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851015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ank You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  <a:noFill/>
        </p:spPr>
        <p:txBody>
          <a:bodyPr/>
          <a:lstStyle>
            <a:lvl1pPr>
              <a:defRPr baseline="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2812F65-E880-4472-AD1A-1049E5E88EDE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A2E6C500-BE65-7D4D-9151-1D3E24C5AED8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  <a:noFill/>
        </p:spPr>
        <p:txBody>
          <a:bodyPr/>
          <a:lstStyle>
            <a:lvl1pPr>
              <a:lnSpc>
                <a:spcPts val="3400"/>
              </a:lnSpc>
              <a:spcBef>
                <a:spcPts val="600"/>
              </a:spcBef>
              <a:spcAft>
                <a:spcPts val="600"/>
              </a:spcAft>
              <a:defRPr sz="3000">
                <a:solidFill>
                  <a:schemeClr val="tx1"/>
                </a:solidFill>
                <a:latin typeface="+mn-lt"/>
              </a:defRPr>
            </a:lvl1pPr>
            <a:lvl2pPr marL="216000" indent="-216000">
              <a:lnSpc>
                <a:spcPts val="3400"/>
              </a:lnSpc>
              <a:spcAft>
                <a:spcPts val="1200"/>
              </a:spcAft>
              <a:defRPr sz="3000">
                <a:solidFill>
                  <a:schemeClr val="tx1"/>
                </a:solidFill>
              </a:defRPr>
            </a:lvl2pPr>
            <a:lvl3pPr marL="57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tx1"/>
                </a:solidFill>
              </a:defRPr>
            </a:lvl3pPr>
            <a:lvl4pPr marL="129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tx1"/>
                </a:solidFill>
              </a:defRPr>
            </a:lvl4pPr>
            <a:lvl5pPr marL="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2" name="Picture Placeholder 11">
            <a:extLst>
              <a:ext uri="{FF2B5EF4-FFF2-40B4-BE49-F238E27FC236}">
                <a16:creationId xmlns:a16="http://schemas.microsoft.com/office/drawing/2014/main" id="{A32AC5EC-FFAB-AD4C-9161-B37DA15AD74B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155036" y="1530000"/>
            <a:ext cx="5329041" cy="5328000"/>
          </a:xfrm>
          <a:custGeom>
            <a:avLst/>
            <a:gdLst>
              <a:gd name="connsiteX0" fmla="*/ 0 w 5329041"/>
              <a:gd name="connsiteY0" fmla="*/ 0 h 5328000"/>
              <a:gd name="connsiteX1" fmla="*/ 5329041 w 5329041"/>
              <a:gd name="connsiteY1" fmla="*/ 0 h 5328000"/>
              <a:gd name="connsiteX2" fmla="*/ 5329041 w 5329041"/>
              <a:gd name="connsiteY2" fmla="*/ 900000 h 5328000"/>
              <a:gd name="connsiteX3" fmla="*/ 901041 w 5329041"/>
              <a:gd name="connsiteY3" fmla="*/ 900000 h 5328000"/>
              <a:gd name="connsiteX4" fmla="*/ 901041 w 5329041"/>
              <a:gd name="connsiteY4" fmla="*/ 5328000 h 5328000"/>
              <a:gd name="connsiteX5" fmla="*/ 0 w 5329041"/>
              <a:gd name="connsiteY5" fmla="*/ 5328000 h 532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329041" h="5328000">
                <a:moveTo>
                  <a:pt x="0" y="0"/>
                </a:moveTo>
                <a:lnTo>
                  <a:pt x="5329041" y="0"/>
                </a:lnTo>
                <a:lnTo>
                  <a:pt x="5329041" y="900000"/>
                </a:lnTo>
                <a:lnTo>
                  <a:pt x="901041" y="900000"/>
                </a:lnTo>
                <a:lnTo>
                  <a:pt x="901041" y="5328000"/>
                </a:lnTo>
                <a:lnTo>
                  <a:pt x="0" y="532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defRPr sz="2000">
                <a:solidFill>
                  <a:schemeClr val="bg1"/>
                </a:solidFill>
              </a:defRPr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935550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Thank You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4"/>
          </p:nvPr>
        </p:nvSpPr>
        <p:spPr>
          <a:xfrm>
            <a:off x="0" y="0"/>
            <a:ext cx="12192000" cy="6858000"/>
          </a:xfrm>
        </p:spPr>
        <p:txBody>
          <a:bodyPr/>
          <a:lstStyle/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  <a:noFill/>
        </p:spPr>
        <p:txBody>
          <a:bodyPr/>
          <a:lstStyle>
            <a:lvl1pPr>
              <a:defRPr baseline="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B7883F-E648-46CA-BDA7-AB5EC485DDFF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  <a:noFill/>
        </p:spPr>
        <p:txBody>
          <a:bodyPr/>
          <a:lstStyle>
            <a:lvl1pPr>
              <a:lnSpc>
                <a:spcPts val="3400"/>
              </a:lnSpc>
              <a:spcBef>
                <a:spcPts val="600"/>
              </a:spcBef>
              <a:spcAft>
                <a:spcPts val="600"/>
              </a:spcAft>
              <a:defRPr sz="3000">
                <a:solidFill>
                  <a:schemeClr val="tx1"/>
                </a:solidFill>
                <a:latin typeface="+mn-lt"/>
              </a:defRPr>
            </a:lvl1pPr>
            <a:lvl2pPr marL="216000" indent="-216000">
              <a:lnSpc>
                <a:spcPts val="3400"/>
              </a:lnSpc>
              <a:spcAft>
                <a:spcPts val="1200"/>
              </a:spcAft>
              <a:defRPr sz="3000">
                <a:solidFill>
                  <a:schemeClr val="tx1"/>
                </a:solidFill>
              </a:defRPr>
            </a:lvl2pPr>
            <a:lvl3pPr marL="57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tx1"/>
                </a:solidFill>
              </a:defRPr>
            </a:lvl3pPr>
            <a:lvl4pPr marL="129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tx1"/>
                </a:solidFill>
              </a:defRPr>
            </a:lvl4pPr>
            <a:lvl5pPr marL="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pic>
        <p:nvPicPr>
          <p:cNvPr id="14" name="Picture 2"/>
          <p:cNvPicPr>
            <a:picLocks noChangeAspect="1" noChangeArrowheads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1976165" y="4621909"/>
            <a:ext cx="1916715" cy="5791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5" name="TextBox 14"/>
          <p:cNvSpPr txBox="1"/>
          <p:nvPr userDrawn="1"/>
        </p:nvSpPr>
        <p:spPr>
          <a:xfrm>
            <a:off x="-1980728" y="5221649"/>
            <a:ext cx="1916715" cy="1015663"/>
          </a:xfrm>
          <a:prstGeom prst="rect">
            <a:avLst/>
          </a:prstGeom>
          <a:solidFill>
            <a:schemeClr val="bg1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en-GB" sz="1000" b="1" dirty="0">
                <a:solidFill>
                  <a:srgbClr val="D22630"/>
                </a:solidFill>
                <a:latin typeface="+mn-lt"/>
              </a:rPr>
              <a:t>Note</a:t>
            </a:r>
            <a:r>
              <a:rPr lang="en-GB" sz="1000" dirty="0">
                <a:solidFill>
                  <a:srgbClr val="D22630"/>
                </a:solidFill>
                <a:latin typeface="+mn-lt"/>
              </a:rPr>
              <a:t>: </a:t>
            </a:r>
            <a:r>
              <a:rPr lang="en-GB" sz="1000" dirty="0">
                <a:latin typeface="+mn-lt"/>
              </a:rPr>
              <a:t>To change text styles, place text cursor in text and choose to promote or demote level with one of</a:t>
            </a:r>
            <a:br>
              <a:rPr lang="en-GB" sz="1000" dirty="0">
                <a:latin typeface="+mn-lt"/>
              </a:rPr>
            </a:br>
            <a:r>
              <a:rPr lang="en-GB" sz="1000" dirty="0">
                <a:latin typeface="+mn-lt"/>
              </a:rPr>
              <a:t>the indicated buttons.</a:t>
            </a:r>
          </a:p>
          <a:p>
            <a:r>
              <a:rPr lang="en-GB" sz="1000" dirty="0">
                <a:latin typeface="+mn-lt"/>
              </a:rPr>
              <a:t>(located on the HOME tab)</a:t>
            </a:r>
          </a:p>
        </p:txBody>
      </p:sp>
    </p:spTree>
    <p:extLst>
      <p:ext uri="{BB962C8B-B14F-4D97-AF65-F5344CB8AC3E}">
        <p14:creationId xmlns:p14="http://schemas.microsoft.com/office/powerpoint/2010/main" val="10595303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4256A8C-F631-5048-933E-36BB2B7193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F7AE91-E637-4CF8-AAA4-E39AB626E9F6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5ABC13E-3AAB-A84C-BD3A-6009A004F8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0E142A4-736B-DF4E-A72E-E936C45320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Media Placeholder 6">
            <a:extLst>
              <a:ext uri="{FF2B5EF4-FFF2-40B4-BE49-F238E27FC236}">
                <a16:creationId xmlns:a16="http://schemas.microsoft.com/office/drawing/2014/main" id="{38A3C210-3C6C-BB4E-AB18-520DA31DFF9D}"/>
              </a:ext>
            </a:extLst>
          </p:cNvPr>
          <p:cNvSpPr>
            <a:spLocks noGrp="1"/>
          </p:cNvSpPr>
          <p:nvPr>
            <p:ph type="media" sz="quarter" idx="13"/>
          </p:nvPr>
        </p:nvSpPr>
        <p:spPr>
          <a:xfrm>
            <a:off x="0" y="0"/>
            <a:ext cx="12192000" cy="6858000"/>
          </a:xfrm>
        </p:spPr>
        <p:txBody>
          <a:bodyPr anchor="ctr" anchorCtr="0"/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media</a:t>
            </a:r>
            <a:endParaRPr lang="en-GB" dirty="0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F8EBC734-0E89-CC45-A68A-9AA8FBB43BD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288056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No Logo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EE705D-33B1-944B-8CE4-56B5C4C553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3BA5EA-FB73-8444-A40D-D9380E8C45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F1A2ED-5048-4D94-9C35-FEB294B5F110}" type="datetime1">
              <a:rPr lang="en-US" smtClean="0"/>
              <a:t>5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D0E20ED-4F03-A049-8598-82956CB897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9B7E5C-1573-9F4E-88D4-81D2D8850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A2E6C500-BE65-7D4D-9151-1D3E24C5AED8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590262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EE705D-33B1-944B-8CE4-56B5C4C553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3BA5EA-FB73-8444-A40D-D9380E8C45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B8A447-0A84-4962-A57F-A8E214B4E698}" type="datetime1">
              <a:rPr lang="en-US" smtClean="0"/>
              <a:t>5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D0E20ED-4F03-A049-8598-82956CB897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9B7E5C-1573-9F4E-88D4-81D2D8850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3"/>
          </p:nvPr>
        </p:nvSpPr>
        <p:spPr>
          <a:xfrm>
            <a:off x="387625" y="1476000"/>
            <a:ext cx="11412000" cy="42480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609999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11412000" cy="720000"/>
          </a:xfrm>
        </p:spPr>
        <p:txBody>
          <a:bodyPr/>
          <a:lstStyle/>
          <a:p>
            <a:r>
              <a:rPr lang="en-US" dirty="0"/>
              <a:t>Click to edit title sty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7501F2-A724-4DB4-8B6E-DCDCF15A3FA9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D311FF4A-6575-2B4F-8705-5DCE090EE65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255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435641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Two Content Multicolou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8800" y="331200"/>
            <a:ext cx="5544000" cy="720000"/>
          </a:xfr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en-GB" sz="4400" b="0" i="0" kern="1200" spc="-50" baseline="0" dirty="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B314A90-A87B-4307-9998-C013851913D3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604AF51F-FB00-E846-AA12-12BD9665EC05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4" y="1476000"/>
            <a:ext cx="5549625" cy="424815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5" name="Freeform 5">
            <a:extLst>
              <a:ext uri="{FF2B5EF4-FFF2-40B4-BE49-F238E27FC236}">
                <a16:creationId xmlns:a16="http://schemas.microsoft.com/office/drawing/2014/main" id="{041B81D9-D63C-3A45-B5D1-F0E0F712AC19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3" name="Picture Placeholder 9">
            <a:extLst>
              <a:ext uri="{FF2B5EF4-FFF2-40B4-BE49-F238E27FC236}">
                <a16:creationId xmlns:a16="http://schemas.microsoft.com/office/drawing/2014/main" id="{652EE855-6D7A-BE4E-8D1F-1BCCC1BD1539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252000" y="0"/>
            <a:ext cx="5940000" cy="6858000"/>
          </a:xfrm>
          <a:solidFill>
            <a:schemeClr val="bg2"/>
          </a:solidFill>
        </p:spPr>
        <p:txBody>
          <a:bodyPr anchor="ctr" anchorCtr="0"/>
          <a:lstStyle>
            <a:lvl1pPr algn="ctr"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10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1600" y="5918400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714188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wo Content Multicolou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9">
            <a:extLst>
              <a:ext uri="{FF2B5EF4-FFF2-40B4-BE49-F238E27FC236}">
                <a16:creationId xmlns:a16="http://schemas.microsoft.com/office/drawing/2014/main" id="{652EE855-6D7A-BE4E-8D1F-1BCCC1BD1539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0"/>
            <a:ext cx="5940000" cy="6858000"/>
          </a:xfrm>
          <a:solidFill>
            <a:schemeClr val="bg2"/>
          </a:solidFill>
        </p:spPr>
        <p:txBody>
          <a:bodyPr anchor="ctr" anchorCtr="0"/>
          <a:lstStyle>
            <a:lvl1pPr algn="ctr"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252000" y="331200"/>
            <a:ext cx="5544000" cy="720000"/>
          </a:xfrm>
        </p:spPr>
        <p:txBody>
          <a:bodyPr/>
          <a:lstStyle>
            <a:lvl1pPr>
              <a:lnSpc>
                <a:spcPts val="5400"/>
              </a:lnSpc>
              <a:defRPr lang="en-US" sz="4400" b="0" i="0" kern="1200" spc="-50" baseline="0" dirty="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7D3F49C-1E7A-4142-A774-4B7140BA9C3A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604AF51F-FB00-E846-AA12-12BD9665EC05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6252000" y="1476000"/>
            <a:ext cx="5544000" cy="424815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011513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wo Content Multicolou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AEC5D76C-ED68-064B-A7A9-C9CDFF56C986}"/>
              </a:ext>
            </a:extLst>
          </p:cNvPr>
          <p:cNvSpPr/>
          <p:nvPr userDrawn="1"/>
        </p:nvSpPr>
        <p:spPr>
          <a:xfrm>
            <a:off x="6246813" y="0"/>
            <a:ext cx="5945187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en-GB" sz="4400" b="0" i="0" kern="1200" spc="-50" baseline="0" dirty="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9BDC34-E5B0-4989-ADA0-4CA138FEFC6D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604AF51F-FB00-E846-AA12-12BD9665EC05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5" y="1476000"/>
            <a:ext cx="5544000" cy="424815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5" name="Freeform 5">
            <a:extLst>
              <a:ext uri="{FF2B5EF4-FFF2-40B4-BE49-F238E27FC236}">
                <a16:creationId xmlns:a16="http://schemas.microsoft.com/office/drawing/2014/main" id="{041B81D9-D63C-3A45-B5D1-F0E0F712AC19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369135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wo Content Multicolou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AEC5D76C-ED68-064B-A7A9-C9CDFF56C986}"/>
              </a:ext>
            </a:extLst>
          </p:cNvPr>
          <p:cNvSpPr/>
          <p:nvPr userDrawn="1"/>
        </p:nvSpPr>
        <p:spPr>
          <a:xfrm>
            <a:off x="1" y="0"/>
            <a:ext cx="593725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246813" y="331200"/>
            <a:ext cx="5557837" cy="720000"/>
          </a:xfrm>
        </p:spPr>
        <p:txBody>
          <a:bodyPr/>
          <a:lstStyle>
            <a:lvl1pPr>
              <a:lnSpc>
                <a:spcPts val="5400"/>
              </a:lnSpc>
              <a:defRPr/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9BAD7B-C5E2-414D-965A-EEAEFDFA4DCB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604AF51F-FB00-E846-AA12-12BD9665EC05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6246813" y="1476000"/>
            <a:ext cx="5557837" cy="424815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09214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5A62BB11-9EFF-F645-BCB6-C22776E9D0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32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0703C04-8D45-924B-BC45-6A7109C11F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FE465AA-6DA2-40F5-8637-83C3D92CA62B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EDF0389-2F78-6941-81DE-B9CAA34DCB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42C897D-5B61-914B-8ED5-263B924C2D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46A7E639-1729-EF45-A48C-17927EC5B25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800" y="331201"/>
            <a:ext cx="10440000" cy="3096000"/>
          </a:xfrm>
        </p:spPr>
        <p:txBody>
          <a:bodyPr/>
          <a:lstStyle>
            <a:lvl1pPr>
              <a:lnSpc>
                <a:spcPts val="5500"/>
              </a:lnSpc>
              <a:spcAft>
                <a:spcPts val="2400"/>
              </a:spcAft>
              <a:defRPr sz="5000" spc="-50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1600" y="5918400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190026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>
    <p:ext uri="{DCECCB84-F9BA-43D5-87BE-67443E8EF086}">
      <p15:sldGuideLst xmlns:p15="http://schemas.microsoft.com/office/powerpoint/2012/main">
        <p15:guide id="1" pos="6825">
          <p15:clr>
            <a:srgbClr val="F26B43"/>
          </p15:clr>
        </p15:guide>
      </p15:sldGuideLst>
    </p:ext>
  </p:extLst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Quot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5A62BB11-9EFF-F645-BCB6-C22776E9D0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252000" y="0"/>
            <a:ext cx="59400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0703C04-8D45-924B-BC45-6A7109C11F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48E41C8-C738-4394-9CAC-D1A92EA39FCD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EDF0389-2F78-6941-81DE-B9CAA34DCB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42C897D-5B61-914B-8ED5-263B924C2D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46A7E639-1729-EF45-A48C-17927EC5B25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800" y="331201"/>
            <a:ext cx="5548450" cy="3096000"/>
          </a:xfrm>
        </p:spPr>
        <p:txBody>
          <a:bodyPr/>
          <a:lstStyle>
            <a:lvl1pPr>
              <a:lnSpc>
                <a:spcPts val="3600"/>
              </a:lnSpc>
              <a:spcAft>
                <a:spcPts val="2400"/>
              </a:spcAft>
              <a:defRPr sz="3200" spc="-50" baseline="0">
                <a:solidFill>
                  <a:schemeClr val="accent1"/>
                </a:solidFill>
                <a:latin typeface="+mj-lt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1600" y="5918400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668777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>
    <p:ext uri="{DCECCB84-F9BA-43D5-87BE-67443E8EF086}">
      <p15:sldGuideLst xmlns:p15="http://schemas.microsoft.com/office/powerpoint/2012/main">
        <p15:guide id="1" pos="6825">
          <p15:clr>
            <a:srgbClr val="F26B43"/>
          </p15:clr>
        </p15:guide>
      </p15:sldGuideLst>
    </p:ext>
  </p:extLst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Quot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5A62BB11-9EFF-F645-BCB6-C22776E9D0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59400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0703C04-8D45-924B-BC45-6A7109C11F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E4B68DB-823D-4833-B086-57014580DA03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EDF0389-2F78-6941-81DE-B9CAA34DCB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42C897D-5B61-914B-8ED5-263B924C2D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46A7E639-1729-EF45-A48C-17927EC5B25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246813" y="331201"/>
            <a:ext cx="5557837" cy="3096000"/>
          </a:xfrm>
        </p:spPr>
        <p:txBody>
          <a:bodyPr/>
          <a:lstStyle>
            <a:lvl1pPr>
              <a:lnSpc>
                <a:spcPts val="3600"/>
              </a:lnSpc>
              <a:spcAft>
                <a:spcPts val="2400"/>
              </a:spcAft>
              <a:defRPr sz="3200" spc="-50" baseline="0">
                <a:solidFill>
                  <a:schemeClr val="accent1"/>
                </a:solidFill>
                <a:latin typeface="+mj-lt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5613714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>
    <p:ext uri="{DCECCB84-F9BA-43D5-87BE-67443E8EF086}">
      <p15:sldGuideLst xmlns:p15="http://schemas.microsoft.com/office/powerpoint/2012/main">
        <p15:guide id="1" pos="6825">
          <p15:clr>
            <a:srgbClr val="F26B43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ue Title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9">
            <a:extLst>
              <a:ext uri="{FF2B5EF4-FFF2-40B4-BE49-F238E27FC236}">
                <a16:creationId xmlns:a16="http://schemas.microsoft.com/office/drawing/2014/main" id="{C2AE6FC5-3C68-EA4E-9993-6A6F5A9DADC2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32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7A149394-4D07-864E-9E2A-539CE02EB30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5400000" cy="1881538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 spc="-80" baseline="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 dirty="0"/>
              <a:t>Click to </a:t>
            </a:r>
            <a:br>
              <a:rPr lang="en-US" dirty="0"/>
            </a:br>
            <a:r>
              <a:rPr lang="en-US" dirty="0"/>
              <a:t>edit title </a:t>
            </a:r>
          </a:p>
        </p:txBody>
      </p:sp>
      <p:sp>
        <p:nvSpPr>
          <p:cNvPr id="7" name="Subtitle 2">
            <a:extLst>
              <a:ext uri="{FF2B5EF4-FFF2-40B4-BE49-F238E27FC236}">
                <a16:creationId xmlns:a16="http://schemas.microsoft.com/office/drawing/2014/main" id="{0CFEDDD2-D68A-E247-BA34-D7FF7F62186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88800" y="3384000"/>
            <a:ext cx="3600000" cy="10800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400"/>
              </a:lnSpc>
              <a:buNone/>
              <a:defRPr sz="3200">
                <a:solidFill>
                  <a:schemeClr val="accent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subtitle style</a:t>
            </a:r>
          </a:p>
        </p:txBody>
      </p:sp>
      <p:sp>
        <p:nvSpPr>
          <p:cNvPr id="12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3" name="Date Placeholder 3">
            <a:extLst>
              <a:ext uri="{FF2B5EF4-FFF2-40B4-BE49-F238E27FC236}">
                <a16:creationId xmlns:a16="http://schemas.microsoft.com/office/drawing/2014/main" id="{9F7F29FA-07B2-9246-BD54-54AEE122F8A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8800" y="6156000"/>
            <a:ext cx="3600000" cy="432000"/>
          </a:xfrm>
        </p:spPr>
        <p:txBody>
          <a:bodyPr/>
          <a:lstStyle>
            <a:lvl1pPr>
              <a:defRPr sz="2000">
                <a:solidFill>
                  <a:schemeClr val="accent1"/>
                </a:solidFill>
              </a:defRPr>
            </a:lvl1pPr>
          </a:lstStyle>
          <a:p>
            <a:fld id="{67A34F5B-7D77-400B-B395-09896F14D53E}" type="datetime1">
              <a:rPr lang="en-US" smtClean="0"/>
              <a:t>5/18/202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150616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3_Quot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5A62BB11-9EFF-F645-BCB6-C22776E9D0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3571874"/>
            <a:ext cx="12192000" cy="3286125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0703C04-8D45-924B-BC45-6A7109C11F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2693B0-B0CB-4838-8ED7-62FC27E70E1F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EDF0389-2F78-6941-81DE-B9CAA34DCB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42C897D-5B61-914B-8ED5-263B924C2D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46A7E639-1729-EF45-A48C-17927EC5B25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800" y="331201"/>
            <a:ext cx="10440000" cy="2913040"/>
          </a:xfrm>
        </p:spPr>
        <p:txBody>
          <a:bodyPr/>
          <a:lstStyle>
            <a:lvl1pPr>
              <a:lnSpc>
                <a:spcPts val="3600"/>
              </a:lnSpc>
              <a:spcAft>
                <a:spcPts val="2400"/>
              </a:spcAft>
              <a:defRPr sz="3200" spc="-50" baseline="0">
                <a:solidFill>
                  <a:schemeClr val="accent1"/>
                </a:solidFill>
                <a:latin typeface="+mj-lt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1600" y="5918400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484846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>
    <p:ext uri="{DCECCB84-F9BA-43D5-87BE-67443E8EF086}">
      <p15:sldGuideLst xmlns:p15="http://schemas.microsoft.com/office/powerpoint/2012/main">
        <p15:guide id="1" pos="6825">
          <p15:clr>
            <a:srgbClr val="F26B43"/>
          </p15:clr>
        </p15:guide>
      </p15:sldGuideLst>
    </p:ext>
  </p:extLst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Quot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5A62BB11-9EFF-F645-BCB6-C22776E9D0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3286125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0703C04-8D45-924B-BC45-6A7109C11F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264E63-4107-4987-8992-D487F797167E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EDF0389-2F78-6941-81DE-B9CAA34DCB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42C897D-5B61-914B-8ED5-263B924C2D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7">
            <a:extLst>
              <a:ext uri="{FF2B5EF4-FFF2-40B4-BE49-F238E27FC236}">
                <a16:creationId xmlns:a16="http://schemas.microsoft.com/office/drawing/2014/main" id="{46A7E639-1729-EF45-A48C-17927EC5B25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800" y="3670125"/>
            <a:ext cx="10440000" cy="2632249"/>
          </a:xfrm>
        </p:spPr>
        <p:txBody>
          <a:bodyPr/>
          <a:lstStyle>
            <a:lvl1pPr>
              <a:lnSpc>
                <a:spcPts val="3600"/>
              </a:lnSpc>
              <a:spcAft>
                <a:spcPts val="2400"/>
              </a:spcAft>
              <a:defRPr sz="3200" spc="-50" baseline="0">
                <a:solidFill>
                  <a:schemeClr val="accent1"/>
                </a:solidFill>
                <a:latin typeface="+mj-lt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0255028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>
    <p:ext uri="{DCECCB84-F9BA-43D5-87BE-67443E8EF086}">
      <p15:sldGuideLst xmlns:p15="http://schemas.microsoft.com/office/powerpoint/2012/main">
        <p15:guide id="1" pos="6825">
          <p15:clr>
            <a:srgbClr val="F26B43"/>
          </p15:clr>
        </p15:guide>
      </p15:sldGuideLst>
    </p:ext>
  </p:extLst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Fig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BC65874E-B7B2-864B-97BA-3B61A51574FB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143626" y="0"/>
            <a:ext cx="6048375" cy="6063798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0E1B9C-4020-8D40-8114-6D2077D17E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E0BDCD-2FF4-4700-9EBF-42E4AF70088A}" type="datetime1">
              <a:rPr lang="en-US" smtClean="0"/>
              <a:t>5/1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5F6BFB6-8E76-E74C-8B47-4AA68D18E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1EDAD2-3870-D94F-A3B0-6B52A88720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0700E41C-0494-6441-8E0D-BE244BFA449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59999" y="1008000"/>
            <a:ext cx="4348937" cy="1980000"/>
          </a:xfrm>
        </p:spPr>
        <p:txBody>
          <a:bodyPr anchor="t" anchorCtr="0"/>
          <a:lstStyle>
            <a:lvl1pPr>
              <a:lnSpc>
                <a:spcPct val="100000"/>
              </a:lnSpc>
              <a:defRPr sz="14000" b="0" i="0" spc="-150" baseline="0">
                <a:solidFill>
                  <a:schemeClr val="accent1"/>
                </a:solidFill>
                <a:latin typeface="Aktiv Grotesk Thin" panose="020B0404020202020204" pitchFamily="34" charset="0"/>
                <a:cs typeface="Aktiv Grotesk Thin" panose="020B0404020202020204" pitchFamily="34" charset="0"/>
              </a:defRPr>
            </a:lvl1pPr>
          </a:lstStyle>
          <a:p>
            <a:pPr lvl="0"/>
            <a:r>
              <a:rPr lang="en-US" dirty="0"/>
              <a:t>00%</a:t>
            </a:r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58B65A77-B204-F543-AF6D-4E63C03889B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937" y="2987999"/>
            <a:ext cx="4320000" cy="2736000"/>
          </a:xfrm>
        </p:spPr>
        <p:txBody>
          <a:bodyPr/>
          <a:lstStyle>
            <a:lvl1pPr>
              <a:lnSpc>
                <a:spcPts val="3400"/>
              </a:lnSpc>
              <a:spcAft>
                <a:spcPts val="1200"/>
              </a:spcAft>
              <a:defRPr sz="3000">
                <a:solidFill>
                  <a:schemeClr val="accent1"/>
                </a:solidFill>
                <a:latin typeface="+mj-lt"/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7407498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4256A8C-F631-5048-933E-36BB2B7193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683B283-966F-4697-A413-DA87D4A933D8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5ABC13E-3AAB-A84C-BD3A-6009A004F8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0E142A4-736B-DF4E-A72E-E936C45320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Media Placeholder 6">
            <a:extLst>
              <a:ext uri="{FF2B5EF4-FFF2-40B4-BE49-F238E27FC236}">
                <a16:creationId xmlns:a16="http://schemas.microsoft.com/office/drawing/2014/main" id="{38A3C210-3C6C-BB4E-AB18-520DA31DFF9D}"/>
              </a:ext>
            </a:extLst>
          </p:cNvPr>
          <p:cNvSpPr>
            <a:spLocks noGrp="1"/>
          </p:cNvSpPr>
          <p:nvPr>
            <p:ph type="media" sz="quarter" idx="13"/>
          </p:nvPr>
        </p:nvSpPr>
        <p:spPr>
          <a:xfrm>
            <a:off x="0" y="0"/>
            <a:ext cx="12192000" cy="6858000"/>
          </a:xfrm>
        </p:spPr>
        <p:txBody>
          <a:bodyPr anchor="ctr" anchorCtr="0"/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media</a:t>
            </a:r>
            <a:endParaRPr lang="en-GB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1600" y="5918400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919956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30C526-47DC-3B45-BDB4-3CBB68F7E6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8E15B81-5BF2-6D47-B422-14E4A7A3C7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CE2C6A-42A5-4057-9D13-B965E350B436}" type="datetime1">
              <a:rPr lang="en-US" smtClean="0"/>
              <a:t>5/1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232541C-BDB6-9B41-BD0A-BEE336E531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EA3E96B-CBB6-3C49-A743-98A233E35B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91827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0E1B9C-4020-8D40-8114-6D2077D17E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7C1E1E8-4480-406E-8262-A61B386E6F76}" type="datetime1">
              <a:rPr lang="en-US" smtClean="0"/>
              <a:t>5/1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5F6BFB6-8E76-E74C-8B47-4AA68D18E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1EDAD2-3870-D94F-A3B0-6B52A88720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31296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ue Title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9">
            <a:extLst>
              <a:ext uri="{FF2B5EF4-FFF2-40B4-BE49-F238E27FC236}">
                <a16:creationId xmlns:a16="http://schemas.microsoft.com/office/drawing/2014/main" id="{C2AE6FC5-3C68-EA4E-9993-6A6F5A9DADC2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32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4A4CE6-0156-425E-A54D-98684D783F04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7A149394-4D07-864E-9E2A-539CE02EB30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5400000" cy="1881538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 spc="-80" baseline="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 dirty="0"/>
              <a:t>Click to </a:t>
            </a:r>
            <a:br>
              <a:rPr lang="en-US" dirty="0"/>
            </a:br>
            <a:r>
              <a:rPr lang="en-US" dirty="0"/>
              <a:t>edit title </a:t>
            </a:r>
          </a:p>
        </p:txBody>
      </p:sp>
      <p:sp>
        <p:nvSpPr>
          <p:cNvPr id="7" name="Subtitle 2">
            <a:extLst>
              <a:ext uri="{FF2B5EF4-FFF2-40B4-BE49-F238E27FC236}">
                <a16:creationId xmlns:a16="http://schemas.microsoft.com/office/drawing/2014/main" id="{0CFEDDD2-D68A-E247-BA34-D7FF7F62186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88800" y="3384000"/>
            <a:ext cx="3600000" cy="10800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400"/>
              </a:lnSpc>
              <a:buNone/>
              <a:defRPr sz="3200">
                <a:solidFill>
                  <a:schemeClr val="accent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subtitle style</a:t>
            </a:r>
          </a:p>
        </p:txBody>
      </p:sp>
      <p:sp>
        <p:nvSpPr>
          <p:cNvPr id="12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760057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hank You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  <a:noFill/>
        </p:spPr>
        <p:txBody>
          <a:bodyPr/>
          <a:lstStyle>
            <a:lvl1pPr>
              <a:defRPr baseline="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360B30F-1299-43F8-A3E9-85D234D4B238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A2E6C500-BE65-7D4D-9151-1D3E24C5AED8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  <a:noFill/>
        </p:spPr>
        <p:txBody>
          <a:bodyPr/>
          <a:lstStyle>
            <a:lvl1pPr>
              <a:lnSpc>
                <a:spcPts val="3400"/>
              </a:lnSpc>
              <a:spcBef>
                <a:spcPts val="600"/>
              </a:spcBef>
              <a:spcAft>
                <a:spcPts val="600"/>
              </a:spcAft>
              <a:defRPr sz="3000">
                <a:solidFill>
                  <a:schemeClr val="tx1"/>
                </a:solidFill>
                <a:latin typeface="+mn-lt"/>
              </a:defRPr>
            </a:lvl1pPr>
            <a:lvl2pPr marL="216000" indent="-216000">
              <a:lnSpc>
                <a:spcPts val="3400"/>
              </a:lnSpc>
              <a:spcAft>
                <a:spcPts val="1200"/>
              </a:spcAft>
              <a:defRPr sz="3000">
                <a:solidFill>
                  <a:schemeClr val="tx1"/>
                </a:solidFill>
              </a:defRPr>
            </a:lvl2pPr>
            <a:lvl3pPr marL="57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tx1"/>
                </a:solidFill>
              </a:defRPr>
            </a:lvl3pPr>
            <a:lvl4pPr marL="129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tx1"/>
                </a:solidFill>
              </a:defRPr>
            </a:lvl4pPr>
            <a:lvl5pPr marL="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0" name="Picture Placeholder 8">
            <a:extLst>
              <a:ext uri="{FF2B5EF4-FFF2-40B4-BE49-F238E27FC236}">
                <a16:creationId xmlns:a16="http://schemas.microsoft.com/office/drawing/2014/main" id="{DBA1A7DB-C9F4-CF46-A300-1E25FFA0C866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943200" y="0"/>
            <a:ext cx="5248800" cy="5249688"/>
          </a:xfrm>
          <a:custGeom>
            <a:avLst/>
            <a:gdLst>
              <a:gd name="connsiteX0" fmla="*/ 0 w 5248800"/>
              <a:gd name="connsiteY0" fmla="*/ 0 h 5249688"/>
              <a:gd name="connsiteX1" fmla="*/ 5248800 w 5248800"/>
              <a:gd name="connsiteY1" fmla="*/ 0 h 5249688"/>
              <a:gd name="connsiteX2" fmla="*/ 5248800 w 5248800"/>
              <a:gd name="connsiteY2" fmla="*/ 4375266 h 5249688"/>
              <a:gd name="connsiteX3" fmla="*/ 4372800 w 5248800"/>
              <a:gd name="connsiteY3" fmla="*/ 5249688 h 5249688"/>
              <a:gd name="connsiteX4" fmla="*/ 4372800 w 5248800"/>
              <a:gd name="connsiteY4" fmla="*/ 4375266 h 5249688"/>
              <a:gd name="connsiteX5" fmla="*/ 3496800 w 5248800"/>
              <a:gd name="connsiteY5" fmla="*/ 5249688 h 5249688"/>
              <a:gd name="connsiteX6" fmla="*/ 3496800 w 5248800"/>
              <a:gd name="connsiteY6" fmla="*/ 4375266 h 5249688"/>
              <a:gd name="connsiteX7" fmla="*/ 2620800 w 5248800"/>
              <a:gd name="connsiteY7" fmla="*/ 5249688 h 5249688"/>
              <a:gd name="connsiteX8" fmla="*/ 2620800 w 5248800"/>
              <a:gd name="connsiteY8" fmla="*/ 4375266 h 5249688"/>
              <a:gd name="connsiteX9" fmla="*/ 1744800 w 5248800"/>
              <a:gd name="connsiteY9" fmla="*/ 5249688 h 5249688"/>
              <a:gd name="connsiteX10" fmla="*/ 1744800 w 5248800"/>
              <a:gd name="connsiteY10" fmla="*/ 4375266 h 5249688"/>
              <a:gd name="connsiteX11" fmla="*/ 868800 w 5248800"/>
              <a:gd name="connsiteY11" fmla="*/ 5249688 h 5249688"/>
              <a:gd name="connsiteX12" fmla="*/ 868800 w 5248800"/>
              <a:gd name="connsiteY12" fmla="*/ 4375266 h 5249688"/>
              <a:gd name="connsiteX13" fmla="*/ 0 w 5248800"/>
              <a:gd name="connsiteY13" fmla="*/ 5242501 h 52496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5248800" h="5249688">
                <a:moveTo>
                  <a:pt x="0" y="0"/>
                </a:moveTo>
                <a:lnTo>
                  <a:pt x="5248800" y="0"/>
                </a:lnTo>
                <a:lnTo>
                  <a:pt x="5248800" y="4375266"/>
                </a:lnTo>
                <a:lnTo>
                  <a:pt x="4372800" y="5249688"/>
                </a:lnTo>
                <a:lnTo>
                  <a:pt x="4372800" y="4375266"/>
                </a:lnTo>
                <a:lnTo>
                  <a:pt x="3496800" y="5249688"/>
                </a:lnTo>
                <a:lnTo>
                  <a:pt x="3496800" y="4375266"/>
                </a:lnTo>
                <a:lnTo>
                  <a:pt x="2620800" y="5249688"/>
                </a:lnTo>
                <a:lnTo>
                  <a:pt x="2620800" y="4375266"/>
                </a:lnTo>
                <a:lnTo>
                  <a:pt x="1744800" y="5249688"/>
                </a:lnTo>
                <a:lnTo>
                  <a:pt x="1744800" y="4375266"/>
                </a:lnTo>
                <a:lnTo>
                  <a:pt x="868800" y="5249688"/>
                </a:lnTo>
                <a:lnTo>
                  <a:pt x="868800" y="4375266"/>
                </a:lnTo>
                <a:lnTo>
                  <a:pt x="0" y="5242501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defRPr sz="2000"/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203861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Two Content Multicolour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AEC5D76C-ED68-064B-A7A9-C9CDFF56C986}"/>
              </a:ext>
            </a:extLst>
          </p:cNvPr>
          <p:cNvSpPr/>
          <p:nvPr userDrawn="1"/>
        </p:nvSpPr>
        <p:spPr>
          <a:xfrm>
            <a:off x="6108001" y="0"/>
            <a:ext cx="6083999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</p:spPr>
        <p:txBody>
          <a:bodyPr/>
          <a:lstStyle>
            <a:lvl1pPr>
              <a:lnSpc>
                <a:spcPct val="90000"/>
              </a:lnSpc>
              <a:defRPr/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7C12A4-4581-4374-9E99-066E424D059F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604AF51F-FB00-E846-AA12-12BD9665EC05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5" y="1476000"/>
            <a:ext cx="5544000" cy="424815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5BDFD5DA-5D4B-7D46-A2DE-B3296588BC41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256075" y="1476000"/>
            <a:ext cx="5543550" cy="424815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95A022EB-FA1E-DE4C-95B5-3863E488B3CB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56075" y="331200"/>
            <a:ext cx="5544000" cy="720000"/>
          </a:xfrm>
        </p:spPr>
        <p:txBody>
          <a:bodyPr/>
          <a:lstStyle>
            <a:lvl1pPr>
              <a:lnSpc>
                <a:spcPct val="90000"/>
              </a:lnSpc>
              <a:defRPr sz="50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Click to edit title</a:t>
            </a:r>
          </a:p>
        </p:txBody>
      </p:sp>
      <p:sp>
        <p:nvSpPr>
          <p:cNvPr id="15" name="Freeform 5">
            <a:extLst>
              <a:ext uri="{FF2B5EF4-FFF2-40B4-BE49-F238E27FC236}">
                <a16:creationId xmlns:a16="http://schemas.microsoft.com/office/drawing/2014/main" id="{041B81D9-D63C-3A45-B5D1-F0E0F712AC19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870069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Styl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92E2A5-0A94-224E-8A8B-B758F5D49682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7200000" cy="18720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 spc="-80" baseline="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 dirty="0"/>
              <a:t>Click to edit</a:t>
            </a:r>
            <a:br>
              <a:rPr lang="en-US" dirty="0"/>
            </a:br>
            <a:r>
              <a:rPr lang="en-US" dirty="0"/>
              <a:t>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CFEDDD2-D68A-E247-BA34-D7FF7F62186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88800" y="3384000"/>
            <a:ext cx="3600000" cy="10800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400"/>
              </a:lnSpc>
              <a:buNone/>
              <a:defRPr sz="3200">
                <a:solidFill>
                  <a:schemeClr val="accent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F7F29FA-07B2-9246-BD54-54AEE122F8A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8800" y="6156000"/>
            <a:ext cx="3600000" cy="432000"/>
          </a:xfrm>
        </p:spPr>
        <p:txBody>
          <a:bodyPr/>
          <a:lstStyle>
            <a:lvl1pPr>
              <a:defRPr sz="2000">
                <a:solidFill>
                  <a:schemeClr val="accent1"/>
                </a:solidFill>
              </a:defRPr>
            </a:lvl1pPr>
          </a:lstStyle>
          <a:p>
            <a:fld id="{B138AAAB-E05E-409D-A2F3-19D307D9C275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DD5AB6-3BDE-8946-9C08-9BEBB7A271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63357B-3FE8-5841-80A6-42A2944A83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-1947600" y="6285600"/>
            <a:ext cx="720000" cy="288000"/>
          </a:xfrm>
        </p:spPr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8" name="Picture Placeholder 14">
            <a:extLst>
              <a:ext uri="{FF2B5EF4-FFF2-40B4-BE49-F238E27FC236}">
                <a16:creationId xmlns:a16="http://schemas.microsoft.com/office/drawing/2014/main" id="{DC2DEB31-5E37-0B41-AEA9-67D88C042BF1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7599600" y="-1"/>
            <a:ext cx="4597199" cy="4593599"/>
          </a:xfrm>
          <a:custGeom>
            <a:avLst/>
            <a:gdLst>
              <a:gd name="connsiteX0" fmla="*/ 0 w 4597199"/>
              <a:gd name="connsiteY0" fmla="*/ 0 h 4593599"/>
              <a:gd name="connsiteX1" fmla="*/ 4597199 w 4597199"/>
              <a:gd name="connsiteY1" fmla="*/ 0 h 4593599"/>
              <a:gd name="connsiteX2" fmla="*/ 4597199 w 4597199"/>
              <a:gd name="connsiteY2" fmla="*/ 4593599 h 4593599"/>
              <a:gd name="connsiteX3" fmla="*/ 761399 w 4597199"/>
              <a:gd name="connsiteY3" fmla="*/ 4593599 h 4593599"/>
              <a:gd name="connsiteX4" fmla="*/ 0 w 4597199"/>
              <a:gd name="connsiteY4" fmla="*/ 3833781 h 4593599"/>
              <a:gd name="connsiteX5" fmla="*/ 0 w 4597199"/>
              <a:gd name="connsiteY5" fmla="*/ 3828704 h 4593599"/>
              <a:gd name="connsiteX6" fmla="*/ 761400 w 4597199"/>
              <a:gd name="connsiteY6" fmla="*/ 3828704 h 4593599"/>
              <a:gd name="connsiteX7" fmla="*/ 0 w 4597199"/>
              <a:gd name="connsiteY7" fmla="*/ 3068885 h 4593599"/>
              <a:gd name="connsiteX8" fmla="*/ 0 w 4597199"/>
              <a:gd name="connsiteY8" fmla="*/ 3063809 h 4593599"/>
              <a:gd name="connsiteX9" fmla="*/ 761400 w 4597199"/>
              <a:gd name="connsiteY9" fmla="*/ 3063809 h 4593599"/>
              <a:gd name="connsiteX10" fmla="*/ 0 w 4597199"/>
              <a:gd name="connsiteY10" fmla="*/ 2301191 h 4593599"/>
              <a:gd name="connsiteX11" fmla="*/ 0 w 4597199"/>
              <a:gd name="connsiteY11" fmla="*/ 2296096 h 4593599"/>
              <a:gd name="connsiteX12" fmla="*/ 761400 w 4597199"/>
              <a:gd name="connsiteY12" fmla="*/ 2296096 h 4593599"/>
              <a:gd name="connsiteX13" fmla="*/ 0 w 4597199"/>
              <a:gd name="connsiteY13" fmla="*/ 1536277 h 4593599"/>
              <a:gd name="connsiteX14" fmla="*/ 0 w 4597199"/>
              <a:gd name="connsiteY14" fmla="*/ 1531200 h 4593599"/>
              <a:gd name="connsiteX15" fmla="*/ 761400 w 4597199"/>
              <a:gd name="connsiteY15" fmla="*/ 1531200 h 4593599"/>
              <a:gd name="connsiteX16" fmla="*/ 0 w 4597199"/>
              <a:gd name="connsiteY16" fmla="*/ 771381 h 4593599"/>
              <a:gd name="connsiteX17" fmla="*/ 0 w 4597199"/>
              <a:gd name="connsiteY17" fmla="*/ 766304 h 4593599"/>
              <a:gd name="connsiteX18" fmla="*/ 761400 w 4597199"/>
              <a:gd name="connsiteY18" fmla="*/ 766304 h 4593599"/>
              <a:gd name="connsiteX19" fmla="*/ 0 w 4597199"/>
              <a:gd name="connsiteY19" fmla="*/ 5086 h 459359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</a:cxnLst>
            <a:rect l="l" t="t" r="r" b="b"/>
            <a:pathLst>
              <a:path w="4597199" h="4593599">
                <a:moveTo>
                  <a:pt x="0" y="0"/>
                </a:moveTo>
                <a:lnTo>
                  <a:pt x="4597199" y="0"/>
                </a:lnTo>
                <a:lnTo>
                  <a:pt x="4597199" y="4593599"/>
                </a:lnTo>
                <a:lnTo>
                  <a:pt x="761399" y="4593599"/>
                </a:lnTo>
                <a:lnTo>
                  <a:pt x="0" y="3833781"/>
                </a:lnTo>
                <a:lnTo>
                  <a:pt x="0" y="3828704"/>
                </a:lnTo>
                <a:lnTo>
                  <a:pt x="761400" y="3828704"/>
                </a:lnTo>
                <a:lnTo>
                  <a:pt x="0" y="3068885"/>
                </a:lnTo>
                <a:lnTo>
                  <a:pt x="0" y="3063809"/>
                </a:lnTo>
                <a:lnTo>
                  <a:pt x="761400" y="3063809"/>
                </a:lnTo>
                <a:lnTo>
                  <a:pt x="0" y="2301191"/>
                </a:lnTo>
                <a:lnTo>
                  <a:pt x="0" y="2296096"/>
                </a:lnTo>
                <a:lnTo>
                  <a:pt x="761400" y="2296096"/>
                </a:lnTo>
                <a:lnTo>
                  <a:pt x="0" y="1536277"/>
                </a:lnTo>
                <a:lnTo>
                  <a:pt x="0" y="1531200"/>
                </a:lnTo>
                <a:lnTo>
                  <a:pt x="761400" y="1531200"/>
                </a:lnTo>
                <a:lnTo>
                  <a:pt x="0" y="771381"/>
                </a:lnTo>
                <a:lnTo>
                  <a:pt x="0" y="766304"/>
                </a:lnTo>
                <a:lnTo>
                  <a:pt x="761400" y="766304"/>
                </a:lnTo>
                <a:lnTo>
                  <a:pt x="0" y="5086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defRPr sz="2000"/>
            </a:lvl1pPr>
          </a:lstStyle>
          <a:p>
            <a:endParaRPr lang="en-GB" dirty="0"/>
          </a:p>
        </p:txBody>
      </p:sp>
      <p:pic>
        <p:nvPicPr>
          <p:cNvPr id="12" name="Picture 2"/>
          <p:cNvPicPr>
            <a:picLocks noChangeAspect="1" noChangeArrowheads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1976165" y="4621909"/>
            <a:ext cx="1916715" cy="5791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3" name="TextBox 12"/>
          <p:cNvSpPr txBox="1"/>
          <p:nvPr userDrawn="1"/>
        </p:nvSpPr>
        <p:spPr>
          <a:xfrm>
            <a:off x="-1980728" y="5221649"/>
            <a:ext cx="1916715" cy="1015663"/>
          </a:xfrm>
          <a:prstGeom prst="rect">
            <a:avLst/>
          </a:prstGeom>
          <a:solidFill>
            <a:schemeClr val="bg1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en-GB" sz="1000" b="1" dirty="0">
                <a:solidFill>
                  <a:srgbClr val="D22630"/>
                </a:solidFill>
                <a:latin typeface="+mn-lt"/>
              </a:rPr>
              <a:t>Note</a:t>
            </a:r>
            <a:r>
              <a:rPr lang="en-GB" sz="1000" dirty="0">
                <a:solidFill>
                  <a:srgbClr val="D22630"/>
                </a:solidFill>
                <a:latin typeface="+mn-lt"/>
              </a:rPr>
              <a:t>: </a:t>
            </a:r>
            <a:r>
              <a:rPr lang="en-GB" sz="1000" dirty="0">
                <a:latin typeface="+mn-lt"/>
              </a:rPr>
              <a:t>To change text styles, place text cursor in text and choose to promote or demote level with one of</a:t>
            </a:r>
            <a:br>
              <a:rPr lang="en-GB" sz="1000" dirty="0">
                <a:latin typeface="+mn-lt"/>
              </a:rPr>
            </a:br>
            <a:r>
              <a:rPr lang="en-GB" sz="1000" dirty="0">
                <a:latin typeface="+mn-lt"/>
              </a:rPr>
              <a:t>the indicated buttons.</a:t>
            </a:r>
          </a:p>
          <a:p>
            <a:r>
              <a:rPr lang="en-GB" sz="1000" dirty="0">
                <a:latin typeface="+mn-lt"/>
              </a:rPr>
              <a:t>(located on the HOME tab)</a:t>
            </a:r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0C7D4C7D-8888-F24A-8D56-9B5233DECD7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965876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30C526-47DC-3B45-BDB4-3CBB68F7E6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8E15B81-5BF2-6D47-B422-14E4A7A3C7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DD5E57-4528-4376-9625-85100E4A2C7B}" type="datetime1">
              <a:rPr lang="en-US" smtClean="0"/>
              <a:t>5/1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232541C-BDB6-9B41-BD0A-BEE336E531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EA3E96B-CBB6-3C49-A743-98A233E35B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83705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Cover Style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DD5AB6-3BDE-8946-9C08-9BEBB7A271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63357B-3FE8-5841-80A6-42A2944A83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-1947600" y="6285600"/>
            <a:ext cx="720000" cy="288000"/>
          </a:xfrm>
        </p:spPr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C7D4C7D-8888-F24A-8D56-9B5233DECD7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Picture Placeholder 8">
            <a:extLst>
              <a:ext uri="{FF2B5EF4-FFF2-40B4-BE49-F238E27FC236}">
                <a16:creationId xmlns:a16="http://schemas.microsoft.com/office/drawing/2014/main" id="{6853F4E6-622D-6746-9222-95B6AD41F62B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4560000" y="0"/>
            <a:ext cx="7632000" cy="6858000"/>
          </a:xfrm>
          <a:custGeom>
            <a:avLst/>
            <a:gdLst>
              <a:gd name="connsiteX0" fmla="*/ 0 w 7632000"/>
              <a:gd name="connsiteY0" fmla="*/ 0 h 6858000"/>
              <a:gd name="connsiteX1" fmla="*/ 7632000 w 7632000"/>
              <a:gd name="connsiteY1" fmla="*/ 0 h 6858000"/>
              <a:gd name="connsiteX2" fmla="*/ 7632000 w 7632000"/>
              <a:gd name="connsiteY2" fmla="*/ 6858000 h 6858000"/>
              <a:gd name="connsiteX3" fmla="*/ 2291650 w 7632000"/>
              <a:gd name="connsiteY3" fmla="*/ 6858000 h 6858000"/>
              <a:gd name="connsiteX4" fmla="*/ 2291650 w 7632000"/>
              <a:gd name="connsiteY4" fmla="*/ 6444218 h 6858000"/>
              <a:gd name="connsiteX5" fmla="*/ 2291650 w 7632000"/>
              <a:gd name="connsiteY5" fmla="*/ 2287588 h 6858000"/>
              <a:gd name="connsiteX6" fmla="*/ 7767 w 7632000"/>
              <a:gd name="connsiteY6" fmla="*/ 1588 h 6858000"/>
              <a:gd name="connsiteX7" fmla="*/ 0 w 7632000"/>
              <a:gd name="connsiteY7" fmla="*/ 1588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7632000" h="6858000">
                <a:moveTo>
                  <a:pt x="0" y="0"/>
                </a:moveTo>
                <a:lnTo>
                  <a:pt x="7632000" y="0"/>
                </a:lnTo>
                <a:lnTo>
                  <a:pt x="7632000" y="6858000"/>
                </a:lnTo>
                <a:lnTo>
                  <a:pt x="2291650" y="6858000"/>
                </a:lnTo>
                <a:lnTo>
                  <a:pt x="2291650" y="6444218"/>
                </a:lnTo>
                <a:cubicBezTo>
                  <a:pt x="2291650" y="2287588"/>
                  <a:pt x="2291650" y="2287588"/>
                  <a:pt x="2291650" y="2287588"/>
                </a:cubicBezTo>
                <a:cubicBezTo>
                  <a:pt x="1030756" y="2287588"/>
                  <a:pt x="7767" y="1263651"/>
                  <a:pt x="7767" y="1588"/>
                </a:cubicBezTo>
                <a:lnTo>
                  <a:pt x="0" y="1588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endParaRPr lang="en-GB" dirty="0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F8EBC734-0E89-CC45-A68A-9AA8FBB43BD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30000" y="5677200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7A149394-4D07-864E-9E2A-539CE02EB30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5400000" cy="1881538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 spc="-8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 dirty="0"/>
              <a:t>Click to </a:t>
            </a:r>
            <a:br>
              <a:rPr lang="en-US" dirty="0"/>
            </a:br>
            <a:r>
              <a:rPr lang="en-US" dirty="0"/>
              <a:t>edit title 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0CFEDDD2-D68A-E247-BA34-D7FF7F62186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88800" y="3384000"/>
            <a:ext cx="3600000" cy="10800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400"/>
              </a:lnSpc>
              <a:buNone/>
              <a:defRPr sz="3200">
                <a:solidFill>
                  <a:schemeClr val="tx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subtitle style</a:t>
            </a:r>
          </a:p>
        </p:txBody>
      </p:sp>
      <p:sp>
        <p:nvSpPr>
          <p:cNvPr id="10" name="Date Placeholder 3">
            <a:extLst>
              <a:ext uri="{FF2B5EF4-FFF2-40B4-BE49-F238E27FC236}">
                <a16:creationId xmlns:a16="http://schemas.microsoft.com/office/drawing/2014/main" id="{9F7F29FA-07B2-9246-BD54-54AEE122F8A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8800" y="6156000"/>
            <a:ext cx="3600000" cy="432000"/>
          </a:xfrm>
        </p:spPr>
        <p:txBody>
          <a:bodyPr/>
          <a:lstStyle>
            <a:lvl1pPr>
              <a:defRPr sz="2000">
                <a:solidFill>
                  <a:schemeClr val="tx1"/>
                </a:solidFill>
              </a:defRPr>
            </a:lvl1pPr>
          </a:lstStyle>
          <a:p>
            <a:fld id="{21F44C67-667C-4974-8944-1885B413249C}" type="datetime1">
              <a:rPr lang="en-US" smtClean="0"/>
              <a:t>5/18/202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00727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Style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DD5AB6-3BDE-8946-9C08-9BEBB7A271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63357B-3FE8-5841-80A6-42A2944A83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-1947600" y="6285600"/>
            <a:ext cx="720000" cy="288000"/>
          </a:xfrm>
        </p:spPr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7A149394-4D07-864E-9E2A-539CE02EB30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5400000" cy="1881538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 spc="-8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 dirty="0"/>
              <a:t>Click to </a:t>
            </a:r>
            <a:br>
              <a:rPr lang="en-US" dirty="0"/>
            </a:br>
            <a:r>
              <a:rPr lang="en-US" dirty="0"/>
              <a:t>edit title </a:t>
            </a:r>
          </a:p>
        </p:txBody>
      </p:sp>
      <p:sp>
        <p:nvSpPr>
          <p:cNvPr id="19" name="Date Placeholder 3">
            <a:extLst>
              <a:ext uri="{FF2B5EF4-FFF2-40B4-BE49-F238E27FC236}">
                <a16:creationId xmlns:a16="http://schemas.microsoft.com/office/drawing/2014/main" id="{0B7F3AF0-22C6-CD4E-B1AD-F64EA21AD56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8800" y="6156000"/>
            <a:ext cx="3600000" cy="432000"/>
          </a:xfrm>
        </p:spPr>
        <p:txBody>
          <a:bodyPr/>
          <a:lstStyle>
            <a:lvl1pPr>
              <a:defRPr sz="2000">
                <a:solidFill>
                  <a:schemeClr val="tx1"/>
                </a:solidFill>
              </a:defRPr>
            </a:lvl1pPr>
          </a:lstStyle>
          <a:p>
            <a:fld id="{57DBADE5-6594-4CDA-B195-698BED9D301E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C7D4C7D-8888-F24A-8D56-9B5233DECD7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0CFEDDD2-D68A-E247-BA34-D7FF7F62186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88800" y="3384000"/>
            <a:ext cx="3600000" cy="10800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400"/>
              </a:lnSpc>
              <a:buNone/>
              <a:defRPr sz="3200">
                <a:solidFill>
                  <a:schemeClr val="tx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subtitle style</a:t>
            </a:r>
          </a:p>
        </p:txBody>
      </p:sp>
      <p:sp>
        <p:nvSpPr>
          <p:cNvPr id="10" name="Picture Placeholder 14">
            <a:extLst>
              <a:ext uri="{FF2B5EF4-FFF2-40B4-BE49-F238E27FC236}">
                <a16:creationId xmlns:a16="http://schemas.microsoft.com/office/drawing/2014/main" id="{DC2DEB31-5E37-0B41-AEA9-67D88C042BF1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7599600" y="-1"/>
            <a:ext cx="4597199" cy="4593599"/>
          </a:xfrm>
          <a:custGeom>
            <a:avLst/>
            <a:gdLst>
              <a:gd name="connsiteX0" fmla="*/ 0 w 4597199"/>
              <a:gd name="connsiteY0" fmla="*/ 0 h 4593599"/>
              <a:gd name="connsiteX1" fmla="*/ 4597199 w 4597199"/>
              <a:gd name="connsiteY1" fmla="*/ 0 h 4593599"/>
              <a:gd name="connsiteX2" fmla="*/ 4597199 w 4597199"/>
              <a:gd name="connsiteY2" fmla="*/ 4593599 h 4593599"/>
              <a:gd name="connsiteX3" fmla="*/ 761399 w 4597199"/>
              <a:gd name="connsiteY3" fmla="*/ 4593599 h 4593599"/>
              <a:gd name="connsiteX4" fmla="*/ 0 w 4597199"/>
              <a:gd name="connsiteY4" fmla="*/ 3833781 h 4593599"/>
              <a:gd name="connsiteX5" fmla="*/ 0 w 4597199"/>
              <a:gd name="connsiteY5" fmla="*/ 3828704 h 4593599"/>
              <a:gd name="connsiteX6" fmla="*/ 761400 w 4597199"/>
              <a:gd name="connsiteY6" fmla="*/ 3828704 h 4593599"/>
              <a:gd name="connsiteX7" fmla="*/ 0 w 4597199"/>
              <a:gd name="connsiteY7" fmla="*/ 3068885 h 4593599"/>
              <a:gd name="connsiteX8" fmla="*/ 0 w 4597199"/>
              <a:gd name="connsiteY8" fmla="*/ 3063809 h 4593599"/>
              <a:gd name="connsiteX9" fmla="*/ 761400 w 4597199"/>
              <a:gd name="connsiteY9" fmla="*/ 3063809 h 4593599"/>
              <a:gd name="connsiteX10" fmla="*/ 0 w 4597199"/>
              <a:gd name="connsiteY10" fmla="*/ 2301191 h 4593599"/>
              <a:gd name="connsiteX11" fmla="*/ 0 w 4597199"/>
              <a:gd name="connsiteY11" fmla="*/ 2296096 h 4593599"/>
              <a:gd name="connsiteX12" fmla="*/ 761400 w 4597199"/>
              <a:gd name="connsiteY12" fmla="*/ 2296096 h 4593599"/>
              <a:gd name="connsiteX13" fmla="*/ 0 w 4597199"/>
              <a:gd name="connsiteY13" fmla="*/ 1536277 h 4593599"/>
              <a:gd name="connsiteX14" fmla="*/ 0 w 4597199"/>
              <a:gd name="connsiteY14" fmla="*/ 1531200 h 4593599"/>
              <a:gd name="connsiteX15" fmla="*/ 761400 w 4597199"/>
              <a:gd name="connsiteY15" fmla="*/ 1531200 h 4593599"/>
              <a:gd name="connsiteX16" fmla="*/ 0 w 4597199"/>
              <a:gd name="connsiteY16" fmla="*/ 771381 h 4593599"/>
              <a:gd name="connsiteX17" fmla="*/ 0 w 4597199"/>
              <a:gd name="connsiteY17" fmla="*/ 766304 h 4593599"/>
              <a:gd name="connsiteX18" fmla="*/ 761400 w 4597199"/>
              <a:gd name="connsiteY18" fmla="*/ 766304 h 4593599"/>
              <a:gd name="connsiteX19" fmla="*/ 0 w 4597199"/>
              <a:gd name="connsiteY19" fmla="*/ 5086 h 459359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</a:cxnLst>
            <a:rect l="l" t="t" r="r" b="b"/>
            <a:pathLst>
              <a:path w="4597199" h="4593599">
                <a:moveTo>
                  <a:pt x="0" y="0"/>
                </a:moveTo>
                <a:lnTo>
                  <a:pt x="4597199" y="0"/>
                </a:lnTo>
                <a:lnTo>
                  <a:pt x="4597199" y="4593599"/>
                </a:lnTo>
                <a:lnTo>
                  <a:pt x="761399" y="4593599"/>
                </a:lnTo>
                <a:lnTo>
                  <a:pt x="0" y="3833781"/>
                </a:lnTo>
                <a:lnTo>
                  <a:pt x="0" y="3828704"/>
                </a:lnTo>
                <a:lnTo>
                  <a:pt x="761400" y="3828704"/>
                </a:lnTo>
                <a:lnTo>
                  <a:pt x="0" y="3068885"/>
                </a:lnTo>
                <a:lnTo>
                  <a:pt x="0" y="3063809"/>
                </a:lnTo>
                <a:lnTo>
                  <a:pt x="761400" y="3063809"/>
                </a:lnTo>
                <a:lnTo>
                  <a:pt x="0" y="2301191"/>
                </a:lnTo>
                <a:lnTo>
                  <a:pt x="0" y="2296096"/>
                </a:lnTo>
                <a:lnTo>
                  <a:pt x="761400" y="2296096"/>
                </a:lnTo>
                <a:lnTo>
                  <a:pt x="0" y="1536277"/>
                </a:lnTo>
                <a:lnTo>
                  <a:pt x="0" y="1531200"/>
                </a:lnTo>
                <a:lnTo>
                  <a:pt x="761400" y="1531200"/>
                </a:lnTo>
                <a:lnTo>
                  <a:pt x="0" y="771381"/>
                </a:lnTo>
                <a:lnTo>
                  <a:pt x="0" y="766304"/>
                </a:lnTo>
                <a:lnTo>
                  <a:pt x="761400" y="766304"/>
                </a:lnTo>
                <a:lnTo>
                  <a:pt x="0" y="5086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defRPr sz="20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405654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over Style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9">
            <a:extLst>
              <a:ext uri="{FF2B5EF4-FFF2-40B4-BE49-F238E27FC236}">
                <a16:creationId xmlns:a16="http://schemas.microsoft.com/office/drawing/2014/main" id="{B391F902-427D-AE47-AB21-70E08B278D6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102000" y="0"/>
            <a:ext cx="6091200" cy="6858000"/>
          </a:xfrm>
          <a:custGeom>
            <a:avLst/>
            <a:gdLst>
              <a:gd name="connsiteX0" fmla="*/ 0 w 6091200"/>
              <a:gd name="connsiteY0" fmla="*/ 0 h 6858000"/>
              <a:gd name="connsiteX1" fmla="*/ 6091200 w 6091200"/>
              <a:gd name="connsiteY1" fmla="*/ 0 h 6858000"/>
              <a:gd name="connsiteX2" fmla="*/ 6091200 w 6091200"/>
              <a:gd name="connsiteY2" fmla="*/ 6858000 h 6858000"/>
              <a:gd name="connsiteX3" fmla="*/ 2286000 w 6091200"/>
              <a:gd name="connsiteY3" fmla="*/ 6858000 h 6858000"/>
              <a:gd name="connsiteX4" fmla="*/ 2286000 w 6091200"/>
              <a:gd name="connsiteY4" fmla="*/ 3429000 h 6858000"/>
              <a:gd name="connsiteX5" fmla="*/ 0 w 6091200"/>
              <a:gd name="connsiteY5" fmla="*/ 3429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91200" h="6858000">
                <a:moveTo>
                  <a:pt x="0" y="0"/>
                </a:moveTo>
                <a:lnTo>
                  <a:pt x="6091200" y="0"/>
                </a:lnTo>
                <a:lnTo>
                  <a:pt x="6091200" y="6858000"/>
                </a:lnTo>
                <a:lnTo>
                  <a:pt x="2286000" y="6858000"/>
                </a:lnTo>
                <a:lnTo>
                  <a:pt x="2286000" y="3429000"/>
                </a:lnTo>
                <a:lnTo>
                  <a:pt x="0" y="3429000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</p:spPr>
        <p:txBody>
          <a:bodyPr wrap="square" anchor="ctr" anchorCtr="0">
            <a:noAutofit/>
          </a:bodyPr>
          <a:lstStyle>
            <a:lvl1pPr algn="ctr">
              <a:defRPr sz="2000"/>
            </a:lvl1pPr>
          </a:lstStyle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DD5AB6-3BDE-8946-9C08-9BEBB7A271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917474" y="6285600"/>
            <a:ext cx="720000" cy="288000"/>
          </a:xfrm>
        </p:spPr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63357B-3FE8-5841-80A6-42A2944A83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-1947600" y="6285600"/>
            <a:ext cx="720000" cy="288000"/>
          </a:xfrm>
        </p:spPr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7A149394-4D07-864E-9E2A-539CE02EB30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388800" y="1440000"/>
            <a:ext cx="5400000" cy="1881538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 spc="-8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 dirty="0"/>
              <a:t>Click to </a:t>
            </a:r>
            <a:br>
              <a:rPr lang="en-US" dirty="0"/>
            </a:br>
            <a:r>
              <a:rPr lang="en-US" dirty="0"/>
              <a:t>edit title </a:t>
            </a:r>
          </a:p>
        </p:txBody>
      </p:sp>
      <p:sp>
        <p:nvSpPr>
          <p:cNvPr id="19" name="Date Placeholder 3">
            <a:extLst>
              <a:ext uri="{FF2B5EF4-FFF2-40B4-BE49-F238E27FC236}">
                <a16:creationId xmlns:a16="http://schemas.microsoft.com/office/drawing/2014/main" id="{0B7F3AF0-22C6-CD4E-B1AD-F64EA21AD56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388800" y="6156000"/>
            <a:ext cx="3600000" cy="432000"/>
          </a:xfrm>
        </p:spPr>
        <p:txBody>
          <a:bodyPr/>
          <a:lstStyle>
            <a:lvl1pPr>
              <a:defRPr sz="2000">
                <a:solidFill>
                  <a:schemeClr val="tx1"/>
                </a:solidFill>
              </a:defRPr>
            </a:lvl1pPr>
          </a:lstStyle>
          <a:p>
            <a:fld id="{91F0294E-B9DB-491B-946F-5496C1595F0D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C7D4C7D-8888-F24A-8D56-9B5233DECD73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0CFEDDD2-D68A-E247-BA34-D7FF7F62186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88800" y="3384000"/>
            <a:ext cx="3600000" cy="10800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3400"/>
              </a:lnSpc>
              <a:buNone/>
              <a:defRPr sz="3200">
                <a:solidFill>
                  <a:schemeClr val="tx1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</a:t>
            </a:r>
            <a:br>
              <a:rPr lang="en-US" dirty="0"/>
            </a:br>
            <a:r>
              <a:rPr lang="en-US" dirty="0"/>
              <a:t>subtitle style</a:t>
            </a:r>
          </a:p>
        </p:txBody>
      </p:sp>
    </p:spTree>
    <p:extLst>
      <p:ext uri="{BB962C8B-B14F-4D97-AF65-F5344CB8AC3E}">
        <p14:creationId xmlns:p14="http://schemas.microsoft.com/office/powerpoint/2010/main" val="36225060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EE705D-33B1-944B-8CE4-56B5C4C553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3BA5EA-FB73-8444-A40D-D9380E8C45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1BE89E-A86E-44FF-A7EA-734F7A3E26E4}" type="datetime1">
              <a:rPr lang="en-US" smtClean="0"/>
              <a:t>5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D0E20ED-4F03-A049-8598-82956CB897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9B7E5C-1573-9F4E-88D4-81D2D8850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8A183D33-F157-7142-B2D3-D4E025F8371E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194379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ank You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  <a:noFill/>
        </p:spPr>
        <p:txBody>
          <a:bodyPr/>
          <a:lstStyle>
            <a:lvl1pPr>
              <a:defRPr baseline="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9DC0791-1B30-4CA8-AD15-1F4CEE30E6E3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A2E6C500-BE65-7D4D-9151-1D3E24C5AED8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  <a:noFill/>
        </p:spPr>
        <p:txBody>
          <a:bodyPr/>
          <a:lstStyle>
            <a:lvl1pPr>
              <a:lnSpc>
                <a:spcPts val="3400"/>
              </a:lnSpc>
              <a:spcBef>
                <a:spcPts val="600"/>
              </a:spcBef>
              <a:spcAft>
                <a:spcPts val="600"/>
              </a:spcAft>
              <a:defRPr sz="3000">
                <a:solidFill>
                  <a:schemeClr val="tx1"/>
                </a:solidFill>
                <a:latin typeface="+mn-lt"/>
              </a:defRPr>
            </a:lvl1pPr>
            <a:lvl2pPr marL="216000" indent="-216000">
              <a:lnSpc>
                <a:spcPts val="3400"/>
              </a:lnSpc>
              <a:spcAft>
                <a:spcPts val="1200"/>
              </a:spcAft>
              <a:defRPr sz="3000">
                <a:solidFill>
                  <a:schemeClr val="tx1"/>
                </a:solidFill>
              </a:defRPr>
            </a:lvl2pPr>
            <a:lvl3pPr marL="57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tx1"/>
                </a:solidFill>
              </a:defRPr>
            </a:lvl3pPr>
            <a:lvl4pPr marL="129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tx1"/>
                </a:solidFill>
              </a:defRPr>
            </a:lvl4pPr>
            <a:lvl5pPr marL="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2" name="Picture Placeholder 11">
            <a:extLst>
              <a:ext uri="{FF2B5EF4-FFF2-40B4-BE49-F238E27FC236}">
                <a16:creationId xmlns:a16="http://schemas.microsoft.com/office/drawing/2014/main" id="{A32AC5EC-FFAB-AD4C-9161-B37DA15AD74B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155036" y="1530000"/>
            <a:ext cx="5329041" cy="5328000"/>
          </a:xfrm>
          <a:custGeom>
            <a:avLst/>
            <a:gdLst>
              <a:gd name="connsiteX0" fmla="*/ 0 w 5329041"/>
              <a:gd name="connsiteY0" fmla="*/ 0 h 5328000"/>
              <a:gd name="connsiteX1" fmla="*/ 5329041 w 5329041"/>
              <a:gd name="connsiteY1" fmla="*/ 0 h 5328000"/>
              <a:gd name="connsiteX2" fmla="*/ 5329041 w 5329041"/>
              <a:gd name="connsiteY2" fmla="*/ 900000 h 5328000"/>
              <a:gd name="connsiteX3" fmla="*/ 901041 w 5329041"/>
              <a:gd name="connsiteY3" fmla="*/ 900000 h 5328000"/>
              <a:gd name="connsiteX4" fmla="*/ 901041 w 5329041"/>
              <a:gd name="connsiteY4" fmla="*/ 5328000 h 5328000"/>
              <a:gd name="connsiteX5" fmla="*/ 0 w 5329041"/>
              <a:gd name="connsiteY5" fmla="*/ 5328000 h 532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329041" h="5328000">
                <a:moveTo>
                  <a:pt x="0" y="0"/>
                </a:moveTo>
                <a:lnTo>
                  <a:pt x="5329041" y="0"/>
                </a:lnTo>
                <a:lnTo>
                  <a:pt x="5329041" y="900000"/>
                </a:lnTo>
                <a:lnTo>
                  <a:pt x="901041" y="900000"/>
                </a:lnTo>
                <a:lnTo>
                  <a:pt x="901041" y="5328000"/>
                </a:lnTo>
                <a:lnTo>
                  <a:pt x="0" y="532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defRPr sz="2000">
                <a:solidFill>
                  <a:schemeClr val="bg1"/>
                </a:solidFill>
              </a:defRPr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915212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Thank You 2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4"/>
          </p:nvPr>
        </p:nvSpPr>
        <p:spPr>
          <a:xfrm>
            <a:off x="0" y="0"/>
            <a:ext cx="12192000" cy="6858000"/>
          </a:xfrm>
        </p:spPr>
        <p:txBody>
          <a:bodyPr/>
          <a:lstStyle/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  <a:noFill/>
        </p:spPr>
        <p:txBody>
          <a:bodyPr/>
          <a:lstStyle>
            <a:lvl1pPr>
              <a:defRPr baseline="0"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3F3DEBA-6DF3-4D97-8C6C-32BA8FBE13B1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  <a:noFill/>
        </p:spPr>
        <p:txBody>
          <a:bodyPr/>
          <a:lstStyle>
            <a:lvl1pPr>
              <a:lnSpc>
                <a:spcPts val="3400"/>
              </a:lnSpc>
              <a:spcBef>
                <a:spcPts val="600"/>
              </a:spcBef>
              <a:spcAft>
                <a:spcPts val="600"/>
              </a:spcAft>
              <a:defRPr sz="3000">
                <a:solidFill>
                  <a:schemeClr val="tx1"/>
                </a:solidFill>
                <a:latin typeface="+mn-lt"/>
              </a:defRPr>
            </a:lvl1pPr>
            <a:lvl2pPr marL="216000" indent="-216000">
              <a:lnSpc>
                <a:spcPts val="3400"/>
              </a:lnSpc>
              <a:spcAft>
                <a:spcPts val="1200"/>
              </a:spcAft>
              <a:defRPr sz="3000">
                <a:solidFill>
                  <a:schemeClr val="tx1"/>
                </a:solidFill>
              </a:defRPr>
            </a:lvl2pPr>
            <a:lvl3pPr marL="57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tx1"/>
                </a:solidFill>
              </a:defRPr>
            </a:lvl3pPr>
            <a:lvl4pPr marL="1296000" indent="-36000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tx1"/>
                </a:solidFill>
              </a:defRPr>
            </a:lvl4pPr>
            <a:lvl5pPr marL="0">
              <a:lnSpc>
                <a:spcPts val="3400"/>
              </a:lnSpc>
              <a:spcAft>
                <a:spcPts val="600"/>
              </a:spcAft>
              <a:defRPr sz="3000"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pic>
        <p:nvPicPr>
          <p:cNvPr id="14" name="Picture 2"/>
          <p:cNvPicPr>
            <a:picLocks noChangeAspect="1" noChangeArrowheads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1976165" y="4621909"/>
            <a:ext cx="1916715" cy="5791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5" name="TextBox 14"/>
          <p:cNvSpPr txBox="1"/>
          <p:nvPr userDrawn="1"/>
        </p:nvSpPr>
        <p:spPr>
          <a:xfrm>
            <a:off x="-1980728" y="5221649"/>
            <a:ext cx="1916715" cy="1015663"/>
          </a:xfrm>
          <a:prstGeom prst="rect">
            <a:avLst/>
          </a:prstGeom>
          <a:solidFill>
            <a:schemeClr val="bg1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en-GB" sz="1000" b="1" dirty="0">
                <a:solidFill>
                  <a:srgbClr val="D22630"/>
                </a:solidFill>
                <a:latin typeface="+mn-lt"/>
              </a:rPr>
              <a:t>Note</a:t>
            </a:r>
            <a:r>
              <a:rPr lang="en-GB" sz="1000" dirty="0">
                <a:solidFill>
                  <a:srgbClr val="D22630"/>
                </a:solidFill>
                <a:latin typeface="+mn-lt"/>
              </a:rPr>
              <a:t>: </a:t>
            </a:r>
            <a:r>
              <a:rPr lang="en-GB" sz="1000" dirty="0">
                <a:latin typeface="+mn-lt"/>
              </a:rPr>
              <a:t>To change text styles, place text cursor in text and choose to promote or demote level with one of</a:t>
            </a:r>
            <a:br>
              <a:rPr lang="en-GB" sz="1000" dirty="0">
                <a:latin typeface="+mn-lt"/>
              </a:rPr>
            </a:br>
            <a:r>
              <a:rPr lang="en-GB" sz="1000" dirty="0">
                <a:latin typeface="+mn-lt"/>
              </a:rPr>
              <a:t>the indicated buttons.</a:t>
            </a:r>
          </a:p>
          <a:p>
            <a:r>
              <a:rPr lang="en-GB" sz="1000" dirty="0">
                <a:latin typeface="+mn-lt"/>
              </a:rPr>
              <a:t>(located on the HOME tab)</a:t>
            </a:r>
          </a:p>
        </p:txBody>
      </p:sp>
    </p:spTree>
    <p:extLst>
      <p:ext uri="{BB962C8B-B14F-4D97-AF65-F5344CB8AC3E}">
        <p14:creationId xmlns:p14="http://schemas.microsoft.com/office/powerpoint/2010/main" val="10642064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No Logo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EE705D-33B1-944B-8CE4-56B5C4C553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3BA5EA-FB73-8444-A40D-D9380E8C45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3B76FF0-E94C-456E-A62B-6C909F0D6794}" type="datetime1">
              <a:rPr lang="en-US" smtClean="0"/>
              <a:t>5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D0E20ED-4F03-A049-8598-82956CB897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9B7E5C-1573-9F4E-88D4-81D2D8850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A2E6C500-BE65-7D4D-9151-1D3E24C5AED8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750056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F51F293-D536-4C53-9C9C-CD57C311F9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F1CD4F3-A07E-49B4-B858-8B26FB37202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889B8E0-EE76-418A-BB36-397ABB26674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728F6C9A-2378-4EEA-9C8F-5F1B36581734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4E59BD03-C145-4F0B-AB78-2F0C999C972B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FF24120-AD00-4DAA-ADD9-6CF087E83E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B52AB21-ECCB-424D-BDB2-3BF5508E97C2}" type="datetime1">
              <a:rPr lang="en-US" smtClean="0"/>
              <a:t>5/18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2179D4B-4EBF-401D-B27F-19FAE4BF16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6716FBC-6FE7-4E94-981C-EBCD80AEFA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075C794-3E93-4FB8-A0A8-C152A2AD52F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316419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EE705D-33B1-944B-8CE4-56B5C4C553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3BA5EA-FB73-8444-A40D-D9380E8C45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BE1082-769B-4AB1-91F7-FB124FC990EF}" type="datetime1">
              <a:rPr lang="en-US" smtClean="0"/>
              <a:t>5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D0E20ED-4F03-A049-8598-82956CB897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9B7E5C-1573-9F4E-88D4-81D2D8850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3"/>
          </p:nvPr>
        </p:nvSpPr>
        <p:spPr>
          <a:xfrm>
            <a:off x="387624" y="1476000"/>
            <a:ext cx="11412000" cy="4248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671484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11412000" cy="720000"/>
          </a:xfrm>
        </p:spPr>
        <p:txBody>
          <a:bodyPr/>
          <a:lstStyle/>
          <a:p>
            <a:r>
              <a:rPr lang="en-US" dirty="0"/>
              <a:t>Click to edit title sty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AE37E60-A9A5-4F81-A67C-3358C163DEB3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D311FF4A-6575-2B4F-8705-5DCE090EE65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255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616694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ue text conten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5A62BB11-9EFF-F645-BCB6-C22776E9D0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32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030C526-47DC-3B45-BDB4-3CBB68F7E6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8E15B81-5BF2-6D47-B422-14E4A7A3C7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D33B08-E890-4C09-903D-937D1133EB23}" type="datetime1">
              <a:rPr lang="en-US" smtClean="0"/>
              <a:t>5/1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232541C-BDB6-9B41-BD0A-BEE336E531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EA3E96B-CBB6-3C49-A743-98A233E35B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  <p:sp>
        <p:nvSpPr>
          <p:cNvPr id="8" name="Content Placeholder 8">
            <a:extLst>
              <a:ext uri="{FF2B5EF4-FFF2-40B4-BE49-F238E27FC236}">
                <a16:creationId xmlns:a16="http://schemas.microsoft.com/office/drawing/2014/main" id="{604AF51F-FB00-E846-AA12-12BD9665EC05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5" y="1476000"/>
            <a:ext cx="5544000" cy="424815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275312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0703C04-8D45-924B-BC45-6A7109C11F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80FD8A-BBB0-4607-8693-BF61E4391011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EDF0389-2F78-6941-81DE-B9CAA34DCB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42C897D-5B61-914B-8ED5-263B924C2D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5900D65B-C254-C040-BE55-1863269FED4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8800" y="331200"/>
            <a:ext cx="11412000" cy="5382000"/>
          </a:xfrm>
        </p:spPr>
        <p:txBody>
          <a:bodyPr/>
          <a:lstStyle>
            <a:lvl1pPr>
              <a:lnSpc>
                <a:spcPts val="5500"/>
              </a:lnSpc>
              <a:spcAft>
                <a:spcPts val="2400"/>
              </a:spcAft>
              <a:defRPr sz="5000" spc="-50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Edit Master text styles</a:t>
            </a:r>
            <a:endParaRPr lang="en-GB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D9513F60-BD94-774E-8D4C-D510EB4242D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10325" y="5919005"/>
            <a:ext cx="900000" cy="562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1996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Fig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BC65874E-B7B2-864B-97BA-3B61A51574FB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143626" y="0"/>
            <a:ext cx="6048375" cy="6063798"/>
          </a:xfrm>
          <a:custGeom>
            <a:avLst/>
            <a:gdLst>
              <a:gd name="connsiteX0" fmla="*/ 3528701 w 6048375"/>
              <a:gd name="connsiteY0" fmla="*/ 0 h 6063798"/>
              <a:gd name="connsiteX1" fmla="*/ 6048375 w 6048375"/>
              <a:gd name="connsiteY1" fmla="*/ 0 h 6063798"/>
              <a:gd name="connsiteX2" fmla="*/ 6048375 w 6048375"/>
              <a:gd name="connsiteY2" fmla="*/ 2544973 h 6063798"/>
              <a:gd name="connsiteX3" fmla="*/ 2532774 w 6048375"/>
              <a:gd name="connsiteY3" fmla="*/ 6063798 h 6063798"/>
              <a:gd name="connsiteX4" fmla="*/ 1267548 w 6048375"/>
              <a:gd name="connsiteY4" fmla="*/ 4798572 h 6063798"/>
              <a:gd name="connsiteX5" fmla="*/ 0 w 6048375"/>
              <a:gd name="connsiteY5" fmla="*/ 3528703 h 606379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048375" h="6063798">
                <a:moveTo>
                  <a:pt x="3528701" y="0"/>
                </a:moveTo>
                <a:lnTo>
                  <a:pt x="6048375" y="0"/>
                </a:lnTo>
                <a:lnTo>
                  <a:pt x="6048375" y="2544973"/>
                </a:lnTo>
                <a:lnTo>
                  <a:pt x="2532774" y="6063798"/>
                </a:lnTo>
                <a:lnTo>
                  <a:pt x="1267548" y="4798572"/>
                </a:lnTo>
                <a:lnTo>
                  <a:pt x="0" y="3528703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anchor="ctr" anchorCtr="0">
            <a:noAutofit/>
          </a:bodyPr>
          <a:lstStyle>
            <a:lvl1pPr algn="ctr"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endParaRPr lang="en-GB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0E1B9C-4020-8D40-8114-6D2077D17E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6C26C1E-D8BC-4104-B1B9-29FC23779D8F}" type="datetime1">
              <a:rPr lang="en-US" smtClean="0"/>
              <a:t>5/1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5F6BFB6-8E76-E74C-8B47-4AA68D18E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1EDAD2-3870-D94F-A3B0-6B52A88720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0700E41C-0494-6441-8E0D-BE244BFA449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59999" y="1008000"/>
            <a:ext cx="4348937" cy="1980000"/>
          </a:xfrm>
        </p:spPr>
        <p:txBody>
          <a:bodyPr anchor="t" anchorCtr="0"/>
          <a:lstStyle>
            <a:lvl1pPr>
              <a:lnSpc>
                <a:spcPct val="100000"/>
              </a:lnSpc>
              <a:defRPr sz="14000" b="0" i="0" spc="-200" baseline="0">
                <a:solidFill>
                  <a:schemeClr val="bg1"/>
                </a:solidFill>
                <a:latin typeface="Aktiv Grotesk Light" panose="020B0304020202020204" pitchFamily="34" charset="0"/>
              </a:defRPr>
            </a:lvl1pPr>
          </a:lstStyle>
          <a:p>
            <a:pPr lvl="0"/>
            <a:r>
              <a:rPr lang="en-US" dirty="0"/>
              <a:t>00%</a:t>
            </a:r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58B65A77-B204-F543-AF6D-4E63C03889B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88937" y="2987999"/>
            <a:ext cx="4320000" cy="2736000"/>
          </a:xfrm>
        </p:spPr>
        <p:txBody>
          <a:bodyPr/>
          <a:lstStyle>
            <a:lvl1pPr>
              <a:lnSpc>
                <a:spcPts val="3400"/>
              </a:lnSpc>
              <a:spcAft>
                <a:spcPts val="1200"/>
              </a:spcAft>
              <a:defRPr sz="300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Edit Master text styles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977085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30C526-47DC-3B45-BDB4-3CBB68F7E6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8E15B81-5BF2-6D47-B422-14E4A7A3C7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D65C854-1A26-499B-AB65-689195946FCB}" type="datetime1">
              <a:rPr lang="en-US" smtClean="0"/>
              <a:t>5/1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232541C-BDB6-9B41-BD0A-BEE336E531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EA3E96B-CBB6-3C49-A743-98A233E35B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30260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 text content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9">
            <a:extLst>
              <a:ext uri="{FF2B5EF4-FFF2-40B4-BE49-F238E27FC236}">
                <a16:creationId xmlns:a16="http://schemas.microsoft.com/office/drawing/2014/main" id="{5A62BB11-9EFF-F645-BCB6-C22776E9D03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3200" cy="6858000"/>
          </a:xfrm>
          <a:solidFill>
            <a:schemeClr val="bg2"/>
          </a:solidFill>
          <a:ln>
            <a:noFill/>
          </a:ln>
        </p:spPr>
        <p:txBody>
          <a:bodyPr anchor="ctr" anchorCtr="0"/>
          <a:lstStyle>
            <a:lvl1pPr algn="ctr">
              <a:lnSpc>
                <a:spcPct val="100000"/>
              </a:lnSpc>
              <a:defRPr sz="20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/>
              <a:t>Click icon to add picture</a:t>
            </a:r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030C526-47DC-3B45-BDB4-3CBB68F7E6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8E15B81-5BF2-6D47-B422-14E4A7A3C7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E6BEC4E-9429-4417-ABEC-0891539F9B28}" type="datetime1">
              <a:rPr lang="en-US" smtClean="0"/>
              <a:t>5/1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232541C-BDB6-9B41-BD0A-BEE336E531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EA3E96B-CBB6-3C49-A743-98A233E35B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  <p:sp>
        <p:nvSpPr>
          <p:cNvPr id="8" name="Content Placeholder 8">
            <a:extLst>
              <a:ext uri="{FF2B5EF4-FFF2-40B4-BE49-F238E27FC236}">
                <a16:creationId xmlns:a16="http://schemas.microsoft.com/office/drawing/2014/main" id="{604AF51F-FB00-E846-AA12-12BD9665EC05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5" y="1476000"/>
            <a:ext cx="5544000" cy="424815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358819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C0E1B9C-4020-8D40-8114-6D2077D17E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2B76D1-A380-4CD6-995C-E9048D7E4A58}" type="datetime1">
              <a:rPr lang="en-US" smtClean="0"/>
              <a:t>5/1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5F6BFB6-8E76-E74C-8B47-4AA68D18ED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81EDAD2-3870-D94F-A3B0-6B52A88720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723647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AEE705D-33B1-944B-8CE4-56B5C4C553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3BA5EA-FB73-8444-A40D-D9380E8C45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t>5/1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D0E20ED-4F03-A049-8598-82956CB897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29B7E5C-1573-9F4E-88D4-81D2D8850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3"/>
          </p:nvPr>
        </p:nvSpPr>
        <p:spPr>
          <a:xfrm>
            <a:off x="387625" y="1476000"/>
            <a:ext cx="11412000" cy="42480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690509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9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11412000" cy="720000"/>
          </a:xfrm>
        </p:spPr>
        <p:txBody>
          <a:bodyPr/>
          <a:lstStyle/>
          <a:p>
            <a:r>
              <a:rPr lang="en-US" dirty="0"/>
              <a:t>Click to edit title sty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6E540DE6-B189-7941-AE87-701F2993854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87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D311FF4A-6575-2B4F-8705-5DCE090EE65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255625" y="1476000"/>
            <a:ext cx="5544000" cy="4248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283990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9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Two Content Multicolou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8800" y="331200"/>
            <a:ext cx="5544000" cy="720000"/>
          </a:xfr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en-GB" sz="4400" b="0" i="0" kern="1200" spc="-50" baseline="0" dirty="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604AF51F-FB00-E846-AA12-12BD9665EC05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4" y="1476000"/>
            <a:ext cx="5549625" cy="424815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5" name="Freeform 5">
            <a:extLst>
              <a:ext uri="{FF2B5EF4-FFF2-40B4-BE49-F238E27FC236}">
                <a16:creationId xmlns:a16="http://schemas.microsoft.com/office/drawing/2014/main" id="{041B81D9-D63C-3A45-B5D1-F0E0F712AC19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3" name="Picture Placeholder 9">
            <a:extLst>
              <a:ext uri="{FF2B5EF4-FFF2-40B4-BE49-F238E27FC236}">
                <a16:creationId xmlns:a16="http://schemas.microsoft.com/office/drawing/2014/main" id="{652EE855-6D7A-BE4E-8D1F-1BCCC1BD1539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252000" y="0"/>
            <a:ext cx="5940000" cy="6858000"/>
          </a:xfrm>
          <a:solidFill>
            <a:schemeClr val="bg2"/>
          </a:solidFill>
        </p:spPr>
        <p:txBody>
          <a:bodyPr anchor="ctr" anchorCtr="0"/>
          <a:lstStyle>
            <a:lvl1pPr algn="ctr"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10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1600" y="5918400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725681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9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wo Content Multicolou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9">
            <a:extLst>
              <a:ext uri="{FF2B5EF4-FFF2-40B4-BE49-F238E27FC236}">
                <a16:creationId xmlns:a16="http://schemas.microsoft.com/office/drawing/2014/main" id="{652EE855-6D7A-BE4E-8D1F-1BCCC1BD1539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0"/>
            <a:ext cx="5940000" cy="6858000"/>
          </a:xfrm>
          <a:solidFill>
            <a:schemeClr val="bg2"/>
          </a:solidFill>
        </p:spPr>
        <p:txBody>
          <a:bodyPr anchor="ctr" anchorCtr="0"/>
          <a:lstStyle>
            <a:lvl1pPr algn="ctr">
              <a:defRPr sz="2000">
                <a:solidFill>
                  <a:schemeClr val="tx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252000" y="331200"/>
            <a:ext cx="5544000" cy="720000"/>
          </a:xfrm>
        </p:spPr>
        <p:txBody>
          <a:bodyPr/>
          <a:lstStyle>
            <a:lvl1pPr>
              <a:lnSpc>
                <a:spcPts val="5400"/>
              </a:lnSpc>
              <a:defRPr lang="en-US" sz="4400" b="0" i="0" kern="1200" spc="-50" baseline="0" dirty="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604AF51F-FB00-E846-AA12-12BD9665EC05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6252000" y="1476000"/>
            <a:ext cx="5544000" cy="424815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176333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9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wo Content Multicolou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AEC5D76C-ED68-064B-A7A9-C9CDFF56C986}"/>
              </a:ext>
            </a:extLst>
          </p:cNvPr>
          <p:cNvSpPr/>
          <p:nvPr userDrawn="1"/>
        </p:nvSpPr>
        <p:spPr>
          <a:xfrm>
            <a:off x="6246813" y="0"/>
            <a:ext cx="5945187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919ACA7-7E3F-1A46-AF73-86BC08C35C2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7625" y="331200"/>
            <a:ext cx="5544000" cy="720000"/>
          </a:xfr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en-GB" sz="4400" b="0" i="0" kern="1200" spc="-50" baseline="0" dirty="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r>
              <a:rPr lang="en-US" dirty="0"/>
              <a:t>Click to edit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E3664B8-0E7B-0247-BD4D-F4617A22F8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FF9D735-627E-5C49-940F-A6122323A8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18EE3D8-4C43-C641-A0D7-9535275262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604AF51F-FB00-E846-AA12-12BD9665EC05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87625" y="1476000"/>
            <a:ext cx="5544000" cy="424815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15" name="Freeform 5">
            <a:extLst>
              <a:ext uri="{FF2B5EF4-FFF2-40B4-BE49-F238E27FC236}">
                <a16:creationId xmlns:a16="http://schemas.microsoft.com/office/drawing/2014/main" id="{041B81D9-D63C-3A45-B5D1-F0E0F712AC19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408319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10.xml.rels><?xml version="1.0" encoding="UTF-8" standalone="yes"?>
<Relationships xmlns="http://schemas.openxmlformats.org/package/2006/relationships"><Relationship Id="rId8" Type="http://schemas.openxmlformats.org/officeDocument/2006/relationships/theme" Target="../theme/theme10.xml"/><Relationship Id="rId3" Type="http://schemas.openxmlformats.org/officeDocument/2006/relationships/slideLayout" Target="../slideLayouts/slideLayout90.xml"/><Relationship Id="rId7" Type="http://schemas.openxmlformats.org/officeDocument/2006/relationships/slideLayout" Target="../slideLayouts/slideLayout94.xml"/><Relationship Id="rId2" Type="http://schemas.openxmlformats.org/officeDocument/2006/relationships/slideLayout" Target="../slideLayouts/slideLayout89.xml"/><Relationship Id="rId1" Type="http://schemas.openxmlformats.org/officeDocument/2006/relationships/slideLayout" Target="../slideLayouts/slideLayout88.xml"/><Relationship Id="rId6" Type="http://schemas.openxmlformats.org/officeDocument/2006/relationships/slideLayout" Target="../slideLayouts/slideLayout93.xml"/><Relationship Id="rId5" Type="http://schemas.openxmlformats.org/officeDocument/2006/relationships/slideLayout" Target="../slideLayouts/slideLayout92.xml"/><Relationship Id="rId4" Type="http://schemas.openxmlformats.org/officeDocument/2006/relationships/slideLayout" Target="../slideLayouts/slideLayout91.xml"/><Relationship Id="rId9" Type="http://schemas.openxmlformats.org/officeDocument/2006/relationships/image" Target="../media/image1.png"/></Relationships>
</file>

<file path=ppt/slideMasters/_rels/slideMaster1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02.xml"/><Relationship Id="rId13" Type="http://schemas.openxmlformats.org/officeDocument/2006/relationships/slideLayout" Target="../slideLayouts/slideLayout107.xml"/><Relationship Id="rId18" Type="http://schemas.openxmlformats.org/officeDocument/2006/relationships/slideLayout" Target="../slideLayouts/slideLayout112.xml"/><Relationship Id="rId3" Type="http://schemas.openxmlformats.org/officeDocument/2006/relationships/slideLayout" Target="../slideLayouts/slideLayout97.xml"/><Relationship Id="rId7" Type="http://schemas.openxmlformats.org/officeDocument/2006/relationships/slideLayout" Target="../slideLayouts/slideLayout101.xml"/><Relationship Id="rId12" Type="http://schemas.openxmlformats.org/officeDocument/2006/relationships/slideLayout" Target="../slideLayouts/slideLayout106.xml"/><Relationship Id="rId17" Type="http://schemas.openxmlformats.org/officeDocument/2006/relationships/slideLayout" Target="../slideLayouts/slideLayout111.xml"/><Relationship Id="rId2" Type="http://schemas.openxmlformats.org/officeDocument/2006/relationships/slideLayout" Target="../slideLayouts/slideLayout96.xml"/><Relationship Id="rId16" Type="http://schemas.openxmlformats.org/officeDocument/2006/relationships/slideLayout" Target="../slideLayouts/slideLayout110.xml"/><Relationship Id="rId20" Type="http://schemas.openxmlformats.org/officeDocument/2006/relationships/image" Target="../media/image1.png"/><Relationship Id="rId1" Type="http://schemas.openxmlformats.org/officeDocument/2006/relationships/slideLayout" Target="../slideLayouts/slideLayout95.xml"/><Relationship Id="rId6" Type="http://schemas.openxmlformats.org/officeDocument/2006/relationships/slideLayout" Target="../slideLayouts/slideLayout100.xml"/><Relationship Id="rId11" Type="http://schemas.openxmlformats.org/officeDocument/2006/relationships/slideLayout" Target="../slideLayouts/slideLayout105.xml"/><Relationship Id="rId5" Type="http://schemas.openxmlformats.org/officeDocument/2006/relationships/slideLayout" Target="../slideLayouts/slideLayout99.xml"/><Relationship Id="rId15" Type="http://schemas.openxmlformats.org/officeDocument/2006/relationships/slideLayout" Target="../slideLayouts/slideLayout109.xml"/><Relationship Id="rId10" Type="http://schemas.openxmlformats.org/officeDocument/2006/relationships/slideLayout" Target="../slideLayouts/slideLayout104.xml"/><Relationship Id="rId19" Type="http://schemas.openxmlformats.org/officeDocument/2006/relationships/theme" Target="../theme/theme11.xml"/><Relationship Id="rId4" Type="http://schemas.openxmlformats.org/officeDocument/2006/relationships/slideLayout" Target="../slideLayouts/slideLayout98.xml"/><Relationship Id="rId9" Type="http://schemas.openxmlformats.org/officeDocument/2006/relationships/slideLayout" Target="../slideLayouts/slideLayout103.xml"/><Relationship Id="rId14" Type="http://schemas.openxmlformats.org/officeDocument/2006/relationships/slideLayout" Target="../slideLayouts/slideLayout108.xml"/></Relationships>
</file>

<file path=ppt/slideMasters/_rels/slideMaster1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20.xml"/><Relationship Id="rId3" Type="http://schemas.openxmlformats.org/officeDocument/2006/relationships/slideLayout" Target="../slideLayouts/slideLayout115.xml"/><Relationship Id="rId7" Type="http://schemas.openxmlformats.org/officeDocument/2006/relationships/slideLayout" Target="../slideLayouts/slideLayout119.xml"/><Relationship Id="rId2" Type="http://schemas.openxmlformats.org/officeDocument/2006/relationships/slideLayout" Target="../slideLayouts/slideLayout114.xml"/><Relationship Id="rId1" Type="http://schemas.openxmlformats.org/officeDocument/2006/relationships/slideLayout" Target="../slideLayouts/slideLayout113.xml"/><Relationship Id="rId6" Type="http://schemas.openxmlformats.org/officeDocument/2006/relationships/slideLayout" Target="../slideLayouts/slideLayout118.xml"/><Relationship Id="rId5" Type="http://schemas.openxmlformats.org/officeDocument/2006/relationships/slideLayout" Target="../slideLayouts/slideLayout117.xml"/><Relationship Id="rId10" Type="http://schemas.openxmlformats.org/officeDocument/2006/relationships/image" Target="../media/image1.png"/><Relationship Id="rId4" Type="http://schemas.openxmlformats.org/officeDocument/2006/relationships/slideLayout" Target="../slideLayouts/slideLayout116.xml"/><Relationship Id="rId9" Type="http://schemas.openxmlformats.org/officeDocument/2006/relationships/theme" Target="../theme/theme12.xml"/></Relationships>
</file>

<file path=ppt/slideMasters/_rels/slideMaster1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28.xml"/><Relationship Id="rId13" Type="http://schemas.openxmlformats.org/officeDocument/2006/relationships/slideLayout" Target="../slideLayouts/slideLayout133.xml"/><Relationship Id="rId18" Type="http://schemas.openxmlformats.org/officeDocument/2006/relationships/slideLayout" Target="../slideLayouts/slideLayout138.xml"/><Relationship Id="rId3" Type="http://schemas.openxmlformats.org/officeDocument/2006/relationships/slideLayout" Target="../slideLayouts/slideLayout123.xml"/><Relationship Id="rId7" Type="http://schemas.openxmlformats.org/officeDocument/2006/relationships/slideLayout" Target="../slideLayouts/slideLayout127.xml"/><Relationship Id="rId12" Type="http://schemas.openxmlformats.org/officeDocument/2006/relationships/slideLayout" Target="../slideLayouts/slideLayout132.xml"/><Relationship Id="rId17" Type="http://schemas.openxmlformats.org/officeDocument/2006/relationships/slideLayout" Target="../slideLayouts/slideLayout137.xml"/><Relationship Id="rId2" Type="http://schemas.openxmlformats.org/officeDocument/2006/relationships/slideLayout" Target="../slideLayouts/slideLayout122.xml"/><Relationship Id="rId16" Type="http://schemas.openxmlformats.org/officeDocument/2006/relationships/slideLayout" Target="../slideLayouts/slideLayout136.xml"/><Relationship Id="rId20" Type="http://schemas.openxmlformats.org/officeDocument/2006/relationships/image" Target="../media/image1.png"/><Relationship Id="rId1" Type="http://schemas.openxmlformats.org/officeDocument/2006/relationships/slideLayout" Target="../slideLayouts/slideLayout121.xml"/><Relationship Id="rId6" Type="http://schemas.openxmlformats.org/officeDocument/2006/relationships/slideLayout" Target="../slideLayouts/slideLayout126.xml"/><Relationship Id="rId11" Type="http://schemas.openxmlformats.org/officeDocument/2006/relationships/slideLayout" Target="../slideLayouts/slideLayout131.xml"/><Relationship Id="rId5" Type="http://schemas.openxmlformats.org/officeDocument/2006/relationships/slideLayout" Target="../slideLayouts/slideLayout125.xml"/><Relationship Id="rId15" Type="http://schemas.openxmlformats.org/officeDocument/2006/relationships/slideLayout" Target="../slideLayouts/slideLayout135.xml"/><Relationship Id="rId10" Type="http://schemas.openxmlformats.org/officeDocument/2006/relationships/slideLayout" Target="../slideLayouts/slideLayout130.xml"/><Relationship Id="rId19" Type="http://schemas.openxmlformats.org/officeDocument/2006/relationships/theme" Target="../theme/theme13.xml"/><Relationship Id="rId4" Type="http://schemas.openxmlformats.org/officeDocument/2006/relationships/slideLayout" Target="../slideLayouts/slideLayout124.xml"/><Relationship Id="rId9" Type="http://schemas.openxmlformats.org/officeDocument/2006/relationships/slideLayout" Target="../slideLayouts/slideLayout129.xml"/><Relationship Id="rId14" Type="http://schemas.openxmlformats.org/officeDocument/2006/relationships/slideLayout" Target="../slideLayouts/slideLayout134.xml"/></Relationships>
</file>

<file path=ppt/slideMasters/_rels/slideMaster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png"/><Relationship Id="rId3" Type="http://schemas.openxmlformats.org/officeDocument/2006/relationships/slideLayout" Target="../slideLayouts/slideLayout141.xml"/><Relationship Id="rId7" Type="http://schemas.openxmlformats.org/officeDocument/2006/relationships/theme" Target="../theme/theme14.xml"/><Relationship Id="rId2" Type="http://schemas.openxmlformats.org/officeDocument/2006/relationships/slideLayout" Target="../slideLayouts/slideLayout140.xml"/><Relationship Id="rId1" Type="http://schemas.openxmlformats.org/officeDocument/2006/relationships/slideLayout" Target="../slideLayouts/slideLayout139.xml"/><Relationship Id="rId6" Type="http://schemas.openxmlformats.org/officeDocument/2006/relationships/slideLayout" Target="../slideLayouts/slideLayout144.xml"/><Relationship Id="rId5" Type="http://schemas.openxmlformats.org/officeDocument/2006/relationships/slideLayout" Target="../slideLayouts/slideLayout143.xml"/><Relationship Id="rId4" Type="http://schemas.openxmlformats.org/officeDocument/2006/relationships/slideLayout" Target="../slideLayouts/slideLayout142.xml"/></Relationships>
</file>

<file path=ppt/slideMasters/_rels/slideMaster1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52.xml"/><Relationship Id="rId3" Type="http://schemas.openxmlformats.org/officeDocument/2006/relationships/slideLayout" Target="../slideLayouts/slideLayout147.xml"/><Relationship Id="rId7" Type="http://schemas.openxmlformats.org/officeDocument/2006/relationships/slideLayout" Target="../slideLayouts/slideLayout151.xml"/><Relationship Id="rId12" Type="http://schemas.openxmlformats.org/officeDocument/2006/relationships/image" Target="../media/image1.png"/><Relationship Id="rId2" Type="http://schemas.openxmlformats.org/officeDocument/2006/relationships/slideLayout" Target="../slideLayouts/slideLayout146.xml"/><Relationship Id="rId1" Type="http://schemas.openxmlformats.org/officeDocument/2006/relationships/slideLayout" Target="../slideLayouts/slideLayout145.xml"/><Relationship Id="rId6" Type="http://schemas.openxmlformats.org/officeDocument/2006/relationships/slideLayout" Target="../slideLayouts/slideLayout150.xml"/><Relationship Id="rId11" Type="http://schemas.openxmlformats.org/officeDocument/2006/relationships/theme" Target="../theme/theme15.xml"/><Relationship Id="rId5" Type="http://schemas.openxmlformats.org/officeDocument/2006/relationships/slideLayout" Target="../slideLayouts/slideLayout149.xml"/><Relationship Id="rId10" Type="http://schemas.openxmlformats.org/officeDocument/2006/relationships/slideLayout" Target="../slideLayouts/slideLayout154.xml"/><Relationship Id="rId4" Type="http://schemas.openxmlformats.org/officeDocument/2006/relationships/slideLayout" Target="../slideLayouts/slideLayout148.xml"/><Relationship Id="rId9" Type="http://schemas.openxmlformats.org/officeDocument/2006/relationships/slideLayout" Target="../slideLayouts/slideLayout153.xml"/></Relationships>
</file>

<file path=ppt/slideMasters/_rels/slideMaster1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62.xml"/><Relationship Id="rId13" Type="http://schemas.openxmlformats.org/officeDocument/2006/relationships/slideLayout" Target="../slideLayouts/slideLayout167.xml"/><Relationship Id="rId3" Type="http://schemas.openxmlformats.org/officeDocument/2006/relationships/slideLayout" Target="../slideLayouts/slideLayout157.xml"/><Relationship Id="rId7" Type="http://schemas.openxmlformats.org/officeDocument/2006/relationships/slideLayout" Target="../slideLayouts/slideLayout161.xml"/><Relationship Id="rId12" Type="http://schemas.openxmlformats.org/officeDocument/2006/relationships/slideLayout" Target="../slideLayouts/slideLayout166.xml"/><Relationship Id="rId2" Type="http://schemas.openxmlformats.org/officeDocument/2006/relationships/slideLayout" Target="../slideLayouts/slideLayout156.xml"/><Relationship Id="rId16" Type="http://schemas.openxmlformats.org/officeDocument/2006/relationships/theme" Target="../theme/theme16.xml"/><Relationship Id="rId1" Type="http://schemas.openxmlformats.org/officeDocument/2006/relationships/slideLayout" Target="../slideLayouts/slideLayout155.xml"/><Relationship Id="rId6" Type="http://schemas.openxmlformats.org/officeDocument/2006/relationships/slideLayout" Target="../slideLayouts/slideLayout160.xml"/><Relationship Id="rId11" Type="http://schemas.openxmlformats.org/officeDocument/2006/relationships/slideLayout" Target="../slideLayouts/slideLayout165.xml"/><Relationship Id="rId5" Type="http://schemas.openxmlformats.org/officeDocument/2006/relationships/slideLayout" Target="../slideLayouts/slideLayout159.xml"/><Relationship Id="rId15" Type="http://schemas.openxmlformats.org/officeDocument/2006/relationships/slideLayout" Target="../slideLayouts/slideLayout169.xml"/><Relationship Id="rId10" Type="http://schemas.openxmlformats.org/officeDocument/2006/relationships/slideLayout" Target="../slideLayouts/slideLayout164.xml"/><Relationship Id="rId4" Type="http://schemas.openxmlformats.org/officeDocument/2006/relationships/slideLayout" Target="../slideLayouts/slideLayout158.xml"/><Relationship Id="rId9" Type="http://schemas.openxmlformats.org/officeDocument/2006/relationships/slideLayout" Target="../slideLayouts/slideLayout163.xml"/><Relationship Id="rId14" Type="http://schemas.openxmlformats.org/officeDocument/2006/relationships/slideLayout" Target="../slideLayouts/slideLayout168.xml"/></Relationships>
</file>

<file path=ppt/slideMasters/_rels/slideMaster17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77.xml"/><Relationship Id="rId13" Type="http://schemas.openxmlformats.org/officeDocument/2006/relationships/slideLayout" Target="../slideLayouts/slideLayout182.xml"/><Relationship Id="rId3" Type="http://schemas.openxmlformats.org/officeDocument/2006/relationships/slideLayout" Target="../slideLayouts/slideLayout172.xml"/><Relationship Id="rId7" Type="http://schemas.openxmlformats.org/officeDocument/2006/relationships/slideLayout" Target="../slideLayouts/slideLayout176.xml"/><Relationship Id="rId12" Type="http://schemas.openxmlformats.org/officeDocument/2006/relationships/slideLayout" Target="../slideLayouts/slideLayout181.xml"/><Relationship Id="rId2" Type="http://schemas.openxmlformats.org/officeDocument/2006/relationships/slideLayout" Target="../slideLayouts/slideLayout171.xml"/><Relationship Id="rId1" Type="http://schemas.openxmlformats.org/officeDocument/2006/relationships/slideLayout" Target="../slideLayouts/slideLayout170.xml"/><Relationship Id="rId6" Type="http://schemas.openxmlformats.org/officeDocument/2006/relationships/slideLayout" Target="../slideLayouts/slideLayout175.xml"/><Relationship Id="rId11" Type="http://schemas.openxmlformats.org/officeDocument/2006/relationships/slideLayout" Target="../slideLayouts/slideLayout180.xml"/><Relationship Id="rId5" Type="http://schemas.openxmlformats.org/officeDocument/2006/relationships/slideLayout" Target="../slideLayouts/slideLayout174.xml"/><Relationship Id="rId15" Type="http://schemas.openxmlformats.org/officeDocument/2006/relationships/image" Target="../media/image1.png"/><Relationship Id="rId10" Type="http://schemas.openxmlformats.org/officeDocument/2006/relationships/slideLayout" Target="../slideLayouts/slideLayout179.xml"/><Relationship Id="rId4" Type="http://schemas.openxmlformats.org/officeDocument/2006/relationships/slideLayout" Target="../slideLayouts/slideLayout173.xml"/><Relationship Id="rId9" Type="http://schemas.openxmlformats.org/officeDocument/2006/relationships/slideLayout" Target="../slideLayouts/slideLayout178.xml"/><Relationship Id="rId14" Type="http://schemas.openxmlformats.org/officeDocument/2006/relationships/theme" Target="../theme/theme17.xml"/></Relationships>
</file>

<file path=ppt/slideMasters/_rels/slideMaster1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0.xml"/><Relationship Id="rId3" Type="http://schemas.openxmlformats.org/officeDocument/2006/relationships/slideLayout" Target="../slideLayouts/slideLayout185.xml"/><Relationship Id="rId7" Type="http://schemas.openxmlformats.org/officeDocument/2006/relationships/slideLayout" Target="../slideLayouts/slideLayout189.xml"/><Relationship Id="rId2" Type="http://schemas.openxmlformats.org/officeDocument/2006/relationships/slideLayout" Target="../slideLayouts/slideLayout184.xml"/><Relationship Id="rId1" Type="http://schemas.openxmlformats.org/officeDocument/2006/relationships/slideLayout" Target="../slideLayouts/slideLayout183.xml"/><Relationship Id="rId6" Type="http://schemas.openxmlformats.org/officeDocument/2006/relationships/slideLayout" Target="../slideLayouts/slideLayout188.xml"/><Relationship Id="rId11" Type="http://schemas.openxmlformats.org/officeDocument/2006/relationships/image" Target="../media/image1.png"/><Relationship Id="rId5" Type="http://schemas.openxmlformats.org/officeDocument/2006/relationships/slideLayout" Target="../slideLayouts/slideLayout187.xml"/><Relationship Id="rId10" Type="http://schemas.openxmlformats.org/officeDocument/2006/relationships/theme" Target="../theme/theme18.xml"/><Relationship Id="rId4" Type="http://schemas.openxmlformats.org/officeDocument/2006/relationships/slideLayout" Target="../slideLayouts/slideLayout186.xml"/><Relationship Id="rId9" Type="http://schemas.openxmlformats.org/officeDocument/2006/relationships/slideLayout" Target="../slideLayouts/slideLayout191.xml"/></Relationships>
</file>

<file path=ppt/slideMasters/_rels/slideMaster19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9.xml"/><Relationship Id="rId13" Type="http://schemas.openxmlformats.org/officeDocument/2006/relationships/slideLayout" Target="../slideLayouts/slideLayout204.xml"/><Relationship Id="rId3" Type="http://schemas.openxmlformats.org/officeDocument/2006/relationships/slideLayout" Target="../slideLayouts/slideLayout194.xml"/><Relationship Id="rId7" Type="http://schemas.openxmlformats.org/officeDocument/2006/relationships/slideLayout" Target="../slideLayouts/slideLayout198.xml"/><Relationship Id="rId12" Type="http://schemas.openxmlformats.org/officeDocument/2006/relationships/slideLayout" Target="../slideLayouts/slideLayout203.xml"/><Relationship Id="rId2" Type="http://schemas.openxmlformats.org/officeDocument/2006/relationships/slideLayout" Target="../slideLayouts/slideLayout193.xml"/><Relationship Id="rId1" Type="http://schemas.openxmlformats.org/officeDocument/2006/relationships/slideLayout" Target="../slideLayouts/slideLayout192.xml"/><Relationship Id="rId6" Type="http://schemas.openxmlformats.org/officeDocument/2006/relationships/slideLayout" Target="../slideLayouts/slideLayout197.xml"/><Relationship Id="rId11" Type="http://schemas.openxmlformats.org/officeDocument/2006/relationships/slideLayout" Target="../slideLayouts/slideLayout202.xml"/><Relationship Id="rId5" Type="http://schemas.openxmlformats.org/officeDocument/2006/relationships/slideLayout" Target="../slideLayouts/slideLayout196.xml"/><Relationship Id="rId15" Type="http://schemas.openxmlformats.org/officeDocument/2006/relationships/image" Target="../media/image1.png"/><Relationship Id="rId10" Type="http://schemas.openxmlformats.org/officeDocument/2006/relationships/slideLayout" Target="../slideLayouts/slideLayout201.xml"/><Relationship Id="rId4" Type="http://schemas.openxmlformats.org/officeDocument/2006/relationships/slideLayout" Target="../slideLayouts/slideLayout195.xml"/><Relationship Id="rId9" Type="http://schemas.openxmlformats.org/officeDocument/2006/relationships/slideLayout" Target="../slideLayouts/slideLayout200.xml"/><Relationship Id="rId14" Type="http://schemas.openxmlformats.org/officeDocument/2006/relationships/theme" Target="../theme/theme1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8.xml"/><Relationship Id="rId13" Type="http://schemas.openxmlformats.org/officeDocument/2006/relationships/image" Target="../media/image1.png"/><Relationship Id="rId3" Type="http://schemas.openxmlformats.org/officeDocument/2006/relationships/slideLayout" Target="../slideLayouts/slideLayout13.xml"/><Relationship Id="rId7" Type="http://schemas.openxmlformats.org/officeDocument/2006/relationships/slideLayout" Target="../slideLayouts/slideLayout17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2.xml"/><Relationship Id="rId1" Type="http://schemas.openxmlformats.org/officeDocument/2006/relationships/slideLayout" Target="../slideLayouts/slideLayout11.xml"/><Relationship Id="rId6" Type="http://schemas.openxmlformats.org/officeDocument/2006/relationships/slideLayout" Target="../slideLayouts/slideLayout16.xml"/><Relationship Id="rId11" Type="http://schemas.openxmlformats.org/officeDocument/2006/relationships/slideLayout" Target="../slideLayouts/slideLayout21.xml"/><Relationship Id="rId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20.xml"/><Relationship Id="rId4" Type="http://schemas.openxmlformats.org/officeDocument/2006/relationships/slideLayout" Target="../slideLayouts/slideLayout14.xml"/><Relationship Id="rId9" Type="http://schemas.openxmlformats.org/officeDocument/2006/relationships/slideLayout" Target="../slideLayouts/slideLayout19.xml"/></Relationships>
</file>

<file path=ppt/slideMasters/_rels/slideMaster20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12.xml"/><Relationship Id="rId13" Type="http://schemas.openxmlformats.org/officeDocument/2006/relationships/theme" Target="../theme/theme20.xml"/><Relationship Id="rId3" Type="http://schemas.openxmlformats.org/officeDocument/2006/relationships/slideLayout" Target="../slideLayouts/slideLayout207.xml"/><Relationship Id="rId7" Type="http://schemas.openxmlformats.org/officeDocument/2006/relationships/slideLayout" Target="../slideLayouts/slideLayout211.xml"/><Relationship Id="rId12" Type="http://schemas.openxmlformats.org/officeDocument/2006/relationships/slideLayout" Target="../slideLayouts/slideLayout216.xml"/><Relationship Id="rId2" Type="http://schemas.openxmlformats.org/officeDocument/2006/relationships/slideLayout" Target="../slideLayouts/slideLayout206.xml"/><Relationship Id="rId1" Type="http://schemas.openxmlformats.org/officeDocument/2006/relationships/slideLayout" Target="../slideLayouts/slideLayout205.xml"/><Relationship Id="rId6" Type="http://schemas.openxmlformats.org/officeDocument/2006/relationships/slideLayout" Target="../slideLayouts/slideLayout210.xml"/><Relationship Id="rId11" Type="http://schemas.openxmlformats.org/officeDocument/2006/relationships/slideLayout" Target="../slideLayouts/slideLayout215.xml"/><Relationship Id="rId5" Type="http://schemas.openxmlformats.org/officeDocument/2006/relationships/slideLayout" Target="../slideLayouts/slideLayout209.xml"/><Relationship Id="rId10" Type="http://schemas.openxmlformats.org/officeDocument/2006/relationships/slideLayout" Target="../slideLayouts/slideLayout214.xml"/><Relationship Id="rId4" Type="http://schemas.openxmlformats.org/officeDocument/2006/relationships/slideLayout" Target="../slideLayouts/slideLayout208.xml"/><Relationship Id="rId9" Type="http://schemas.openxmlformats.org/officeDocument/2006/relationships/slideLayout" Target="../slideLayouts/slideLayout213.xml"/><Relationship Id="rId14" Type="http://schemas.openxmlformats.org/officeDocument/2006/relationships/image" Target="../media/image1.png"/></Relationships>
</file>

<file path=ppt/slideMasters/_rels/slideMaster2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19.xml"/><Relationship Id="rId7" Type="http://schemas.openxmlformats.org/officeDocument/2006/relationships/theme" Target="../theme/theme21.xml"/><Relationship Id="rId2" Type="http://schemas.openxmlformats.org/officeDocument/2006/relationships/slideLayout" Target="../slideLayouts/slideLayout218.xml"/><Relationship Id="rId1" Type="http://schemas.openxmlformats.org/officeDocument/2006/relationships/slideLayout" Target="../slideLayouts/slideLayout217.xml"/><Relationship Id="rId6" Type="http://schemas.openxmlformats.org/officeDocument/2006/relationships/slideLayout" Target="../slideLayouts/slideLayout222.xml"/><Relationship Id="rId5" Type="http://schemas.openxmlformats.org/officeDocument/2006/relationships/slideLayout" Target="../slideLayouts/slideLayout221.xml"/><Relationship Id="rId4" Type="http://schemas.openxmlformats.org/officeDocument/2006/relationships/slideLayout" Target="../slideLayouts/slideLayout220.xml"/></Relationships>
</file>

<file path=ppt/slideMasters/_rels/slideMaster2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30.xml"/><Relationship Id="rId13" Type="http://schemas.openxmlformats.org/officeDocument/2006/relationships/theme" Target="../theme/theme22.xml"/><Relationship Id="rId3" Type="http://schemas.openxmlformats.org/officeDocument/2006/relationships/slideLayout" Target="../slideLayouts/slideLayout225.xml"/><Relationship Id="rId7" Type="http://schemas.openxmlformats.org/officeDocument/2006/relationships/slideLayout" Target="../slideLayouts/slideLayout229.xml"/><Relationship Id="rId12" Type="http://schemas.openxmlformats.org/officeDocument/2006/relationships/slideLayout" Target="../slideLayouts/slideLayout234.xml"/><Relationship Id="rId2" Type="http://schemas.openxmlformats.org/officeDocument/2006/relationships/slideLayout" Target="../slideLayouts/slideLayout224.xml"/><Relationship Id="rId1" Type="http://schemas.openxmlformats.org/officeDocument/2006/relationships/slideLayout" Target="../slideLayouts/slideLayout223.xml"/><Relationship Id="rId6" Type="http://schemas.openxmlformats.org/officeDocument/2006/relationships/slideLayout" Target="../slideLayouts/slideLayout228.xml"/><Relationship Id="rId11" Type="http://schemas.openxmlformats.org/officeDocument/2006/relationships/slideLayout" Target="../slideLayouts/slideLayout233.xml"/><Relationship Id="rId5" Type="http://schemas.openxmlformats.org/officeDocument/2006/relationships/slideLayout" Target="../slideLayouts/slideLayout227.xml"/><Relationship Id="rId10" Type="http://schemas.openxmlformats.org/officeDocument/2006/relationships/slideLayout" Target="../slideLayouts/slideLayout232.xml"/><Relationship Id="rId4" Type="http://schemas.openxmlformats.org/officeDocument/2006/relationships/slideLayout" Target="../slideLayouts/slideLayout226.xml"/><Relationship Id="rId9" Type="http://schemas.openxmlformats.org/officeDocument/2006/relationships/slideLayout" Target="../slideLayouts/slideLayout231.xml"/><Relationship Id="rId14" Type="http://schemas.openxmlformats.org/officeDocument/2006/relationships/image" Target="../media/image1.png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theme" Target="../theme/theme3.xml"/><Relationship Id="rId3" Type="http://schemas.openxmlformats.org/officeDocument/2006/relationships/slideLayout" Target="../slideLayouts/slideLayout24.xml"/><Relationship Id="rId7" Type="http://schemas.openxmlformats.org/officeDocument/2006/relationships/slideLayout" Target="../slideLayouts/slideLayout28.xml"/><Relationship Id="rId2" Type="http://schemas.openxmlformats.org/officeDocument/2006/relationships/slideLayout" Target="../slideLayouts/slideLayout23.xml"/><Relationship Id="rId1" Type="http://schemas.openxmlformats.org/officeDocument/2006/relationships/slideLayout" Target="../slideLayouts/slideLayout22.xml"/><Relationship Id="rId6" Type="http://schemas.openxmlformats.org/officeDocument/2006/relationships/slideLayout" Target="../slideLayouts/slideLayout27.xml"/><Relationship Id="rId5" Type="http://schemas.openxmlformats.org/officeDocument/2006/relationships/slideLayout" Target="../slideLayouts/slideLayout26.xml"/><Relationship Id="rId4" Type="http://schemas.openxmlformats.org/officeDocument/2006/relationships/slideLayout" Target="../slideLayouts/slideLayout25.xml"/><Relationship Id="rId9" Type="http://schemas.openxmlformats.org/officeDocument/2006/relationships/image" Target="../media/image1.png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6.xml"/><Relationship Id="rId3" Type="http://schemas.openxmlformats.org/officeDocument/2006/relationships/slideLayout" Target="../slideLayouts/slideLayout31.xml"/><Relationship Id="rId7" Type="http://schemas.openxmlformats.org/officeDocument/2006/relationships/slideLayout" Target="../slideLayouts/slideLayout35.xml"/><Relationship Id="rId2" Type="http://schemas.openxmlformats.org/officeDocument/2006/relationships/slideLayout" Target="../slideLayouts/slideLayout30.xml"/><Relationship Id="rId1" Type="http://schemas.openxmlformats.org/officeDocument/2006/relationships/slideLayout" Target="../slideLayouts/slideLayout29.xml"/><Relationship Id="rId6" Type="http://schemas.openxmlformats.org/officeDocument/2006/relationships/slideLayout" Target="../slideLayouts/slideLayout34.xml"/><Relationship Id="rId5" Type="http://schemas.openxmlformats.org/officeDocument/2006/relationships/slideLayout" Target="../slideLayouts/slideLayout33.xml"/><Relationship Id="rId10" Type="http://schemas.openxmlformats.org/officeDocument/2006/relationships/image" Target="../media/image1.png"/><Relationship Id="rId4" Type="http://schemas.openxmlformats.org/officeDocument/2006/relationships/slideLayout" Target="../slideLayouts/slideLayout32.xml"/><Relationship Id="rId9" Type="http://schemas.openxmlformats.org/officeDocument/2006/relationships/theme" Target="../theme/theme4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png"/><Relationship Id="rId3" Type="http://schemas.openxmlformats.org/officeDocument/2006/relationships/slideLayout" Target="../slideLayouts/slideLayout39.xml"/><Relationship Id="rId7" Type="http://schemas.openxmlformats.org/officeDocument/2006/relationships/theme" Target="../theme/theme5.xml"/><Relationship Id="rId2" Type="http://schemas.openxmlformats.org/officeDocument/2006/relationships/slideLayout" Target="../slideLayouts/slideLayout38.xml"/><Relationship Id="rId1" Type="http://schemas.openxmlformats.org/officeDocument/2006/relationships/slideLayout" Target="../slideLayouts/slideLayout37.xml"/><Relationship Id="rId6" Type="http://schemas.openxmlformats.org/officeDocument/2006/relationships/slideLayout" Target="../slideLayouts/slideLayout42.xml"/><Relationship Id="rId5" Type="http://schemas.openxmlformats.org/officeDocument/2006/relationships/slideLayout" Target="../slideLayouts/slideLayout41.xml"/><Relationship Id="rId4" Type="http://schemas.openxmlformats.org/officeDocument/2006/relationships/slideLayout" Target="../slideLayouts/slideLayout40.xml"/></Relationships>
</file>

<file path=ppt/slideMasters/_rels/slideMaster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0.xml"/><Relationship Id="rId3" Type="http://schemas.openxmlformats.org/officeDocument/2006/relationships/slideLayout" Target="../slideLayouts/slideLayout45.xml"/><Relationship Id="rId7" Type="http://schemas.openxmlformats.org/officeDocument/2006/relationships/slideLayout" Target="../slideLayouts/slideLayout49.xml"/><Relationship Id="rId12" Type="http://schemas.openxmlformats.org/officeDocument/2006/relationships/image" Target="../media/image1.png"/><Relationship Id="rId2" Type="http://schemas.openxmlformats.org/officeDocument/2006/relationships/slideLayout" Target="../slideLayouts/slideLayout44.xml"/><Relationship Id="rId1" Type="http://schemas.openxmlformats.org/officeDocument/2006/relationships/slideLayout" Target="../slideLayouts/slideLayout43.xml"/><Relationship Id="rId6" Type="http://schemas.openxmlformats.org/officeDocument/2006/relationships/slideLayout" Target="../slideLayouts/slideLayout48.xml"/><Relationship Id="rId11" Type="http://schemas.openxmlformats.org/officeDocument/2006/relationships/theme" Target="../theme/theme6.xml"/><Relationship Id="rId5" Type="http://schemas.openxmlformats.org/officeDocument/2006/relationships/slideLayout" Target="../slideLayouts/slideLayout47.xml"/><Relationship Id="rId10" Type="http://schemas.openxmlformats.org/officeDocument/2006/relationships/slideLayout" Target="../slideLayouts/slideLayout52.xml"/><Relationship Id="rId4" Type="http://schemas.openxmlformats.org/officeDocument/2006/relationships/slideLayout" Target="../slideLayouts/slideLayout46.xml"/><Relationship Id="rId9" Type="http://schemas.openxmlformats.org/officeDocument/2006/relationships/slideLayout" Target="../slideLayouts/slideLayout51.xml"/></Relationships>
</file>

<file path=ppt/slideMasters/_rels/slideMaster7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60.xml"/><Relationship Id="rId3" Type="http://schemas.openxmlformats.org/officeDocument/2006/relationships/slideLayout" Target="../slideLayouts/slideLayout55.xml"/><Relationship Id="rId7" Type="http://schemas.openxmlformats.org/officeDocument/2006/relationships/slideLayout" Target="../slideLayouts/slideLayout59.xml"/><Relationship Id="rId2" Type="http://schemas.openxmlformats.org/officeDocument/2006/relationships/slideLayout" Target="../slideLayouts/slideLayout54.xml"/><Relationship Id="rId1" Type="http://schemas.openxmlformats.org/officeDocument/2006/relationships/slideLayout" Target="../slideLayouts/slideLayout53.xml"/><Relationship Id="rId6" Type="http://schemas.openxmlformats.org/officeDocument/2006/relationships/slideLayout" Target="../slideLayouts/slideLayout58.xml"/><Relationship Id="rId5" Type="http://schemas.openxmlformats.org/officeDocument/2006/relationships/slideLayout" Target="../slideLayouts/slideLayout57.xml"/><Relationship Id="rId10" Type="http://schemas.openxmlformats.org/officeDocument/2006/relationships/image" Target="../media/image1.png"/><Relationship Id="rId4" Type="http://schemas.openxmlformats.org/officeDocument/2006/relationships/slideLayout" Target="../slideLayouts/slideLayout56.xml"/><Relationship Id="rId9" Type="http://schemas.openxmlformats.org/officeDocument/2006/relationships/theme" Target="../theme/theme7.xml"/></Relationships>
</file>

<file path=ppt/slideMasters/_rels/slideMaster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68.xml"/><Relationship Id="rId13" Type="http://schemas.openxmlformats.org/officeDocument/2006/relationships/slideLayout" Target="../slideLayouts/slideLayout73.xml"/><Relationship Id="rId18" Type="http://schemas.openxmlformats.org/officeDocument/2006/relationships/slideLayout" Target="../slideLayouts/slideLayout78.xml"/><Relationship Id="rId3" Type="http://schemas.openxmlformats.org/officeDocument/2006/relationships/slideLayout" Target="../slideLayouts/slideLayout63.xml"/><Relationship Id="rId7" Type="http://schemas.openxmlformats.org/officeDocument/2006/relationships/slideLayout" Target="../slideLayouts/slideLayout67.xml"/><Relationship Id="rId12" Type="http://schemas.openxmlformats.org/officeDocument/2006/relationships/slideLayout" Target="../slideLayouts/slideLayout72.xml"/><Relationship Id="rId17" Type="http://schemas.openxmlformats.org/officeDocument/2006/relationships/slideLayout" Target="../slideLayouts/slideLayout77.xml"/><Relationship Id="rId2" Type="http://schemas.openxmlformats.org/officeDocument/2006/relationships/slideLayout" Target="../slideLayouts/slideLayout62.xml"/><Relationship Id="rId16" Type="http://schemas.openxmlformats.org/officeDocument/2006/relationships/slideLayout" Target="../slideLayouts/slideLayout76.xml"/><Relationship Id="rId20" Type="http://schemas.openxmlformats.org/officeDocument/2006/relationships/image" Target="../media/image1.png"/><Relationship Id="rId1" Type="http://schemas.openxmlformats.org/officeDocument/2006/relationships/slideLayout" Target="../slideLayouts/slideLayout61.xml"/><Relationship Id="rId6" Type="http://schemas.openxmlformats.org/officeDocument/2006/relationships/slideLayout" Target="../slideLayouts/slideLayout66.xml"/><Relationship Id="rId11" Type="http://schemas.openxmlformats.org/officeDocument/2006/relationships/slideLayout" Target="../slideLayouts/slideLayout71.xml"/><Relationship Id="rId5" Type="http://schemas.openxmlformats.org/officeDocument/2006/relationships/slideLayout" Target="../slideLayouts/slideLayout65.xml"/><Relationship Id="rId15" Type="http://schemas.openxmlformats.org/officeDocument/2006/relationships/slideLayout" Target="../slideLayouts/slideLayout75.xml"/><Relationship Id="rId10" Type="http://schemas.openxmlformats.org/officeDocument/2006/relationships/slideLayout" Target="../slideLayouts/slideLayout70.xml"/><Relationship Id="rId19" Type="http://schemas.openxmlformats.org/officeDocument/2006/relationships/theme" Target="../theme/theme8.xml"/><Relationship Id="rId4" Type="http://schemas.openxmlformats.org/officeDocument/2006/relationships/slideLayout" Target="../slideLayouts/slideLayout64.xml"/><Relationship Id="rId9" Type="http://schemas.openxmlformats.org/officeDocument/2006/relationships/slideLayout" Target="../slideLayouts/slideLayout69.xml"/><Relationship Id="rId14" Type="http://schemas.openxmlformats.org/officeDocument/2006/relationships/slideLayout" Target="../slideLayouts/slideLayout74.xml"/></Relationships>
</file>

<file path=ppt/slideMasters/_rels/slideMaster9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6.xml"/><Relationship Id="rId3" Type="http://schemas.openxmlformats.org/officeDocument/2006/relationships/slideLayout" Target="../slideLayouts/slideLayout81.xml"/><Relationship Id="rId7" Type="http://schemas.openxmlformats.org/officeDocument/2006/relationships/slideLayout" Target="../slideLayouts/slideLayout85.xml"/><Relationship Id="rId2" Type="http://schemas.openxmlformats.org/officeDocument/2006/relationships/slideLayout" Target="../slideLayouts/slideLayout80.xml"/><Relationship Id="rId1" Type="http://schemas.openxmlformats.org/officeDocument/2006/relationships/slideLayout" Target="../slideLayouts/slideLayout79.xml"/><Relationship Id="rId6" Type="http://schemas.openxmlformats.org/officeDocument/2006/relationships/slideLayout" Target="../slideLayouts/slideLayout84.xml"/><Relationship Id="rId11" Type="http://schemas.openxmlformats.org/officeDocument/2006/relationships/image" Target="../media/image1.png"/><Relationship Id="rId5" Type="http://schemas.openxmlformats.org/officeDocument/2006/relationships/slideLayout" Target="../slideLayouts/slideLayout83.xml"/><Relationship Id="rId10" Type="http://schemas.openxmlformats.org/officeDocument/2006/relationships/theme" Target="../theme/theme9.xml"/><Relationship Id="rId4" Type="http://schemas.openxmlformats.org/officeDocument/2006/relationships/slideLayout" Target="../slideLayouts/slideLayout82.xml"/><Relationship Id="rId9" Type="http://schemas.openxmlformats.org/officeDocument/2006/relationships/slideLayout" Target="../slideLayouts/slideLayout87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E78F7E2-2283-A247-8B63-3805C8CFA7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7625" y="331200"/>
            <a:ext cx="11412000" cy="72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0A4FB3-FB49-8D44-86F6-F7456E929096}"/>
              </a:ext>
            </a:extLst>
          </p:cNvPr>
          <p:cNvSpPr>
            <a:spLocks noGrp="1"/>
          </p:cNvSpPr>
          <p:nvPr userDrawn="1">
            <p:ph type="dt" sz="half" idx="2"/>
          </p:nvPr>
        </p:nvSpPr>
        <p:spPr>
          <a:xfrm>
            <a:off x="-1947600" y="6285600"/>
            <a:ext cx="871122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E9422218-C6BB-4174-A724-D00C991FBCD9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F15767D-483D-F640-A089-B7F47050B858}"/>
              </a:ext>
            </a:extLst>
          </p:cNvPr>
          <p:cNvSpPr>
            <a:spLocks noGrp="1"/>
          </p:cNvSpPr>
          <p:nvPr userDrawn="1">
            <p:ph type="ftr" sz="quarter" idx="3"/>
          </p:nvPr>
        </p:nvSpPr>
        <p:spPr>
          <a:xfrm>
            <a:off x="-91747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04FEFF-E4CC-6040-BDB6-B5A69A6D5EE3}"/>
              </a:ext>
            </a:extLst>
          </p:cNvPr>
          <p:cNvSpPr>
            <a:spLocks noGrp="1"/>
          </p:cNvSpPr>
          <p:nvPr userDrawn="1">
            <p:ph type="sldNum" sz="quarter" idx="4"/>
          </p:nvPr>
        </p:nvSpPr>
        <p:spPr>
          <a:xfrm>
            <a:off x="39443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0" name="Text Placeholder 39">
            <a:extLst>
              <a:ext uri="{FF2B5EF4-FFF2-40B4-BE49-F238E27FC236}">
                <a16:creationId xmlns:a16="http://schemas.microsoft.com/office/drawing/2014/main" id="{A4F96C2E-79C4-9D4C-BDE7-02790CCB42E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8800" y="1476000"/>
            <a:ext cx="11412000" cy="424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pic>
        <p:nvPicPr>
          <p:cNvPr id="9" name="Picture 2"/>
          <p:cNvPicPr>
            <a:picLocks noChangeAspect="1" noChangeArrowheads="1"/>
          </p:cNvPicPr>
          <p:nvPr userDrawn="1"/>
        </p:nvPicPr>
        <p:blipFill>
          <a:blip r:embed="rId1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1976165" y="4621909"/>
            <a:ext cx="1916715" cy="5791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0" name="TextBox 9"/>
          <p:cNvSpPr txBox="1"/>
          <p:nvPr userDrawn="1"/>
        </p:nvSpPr>
        <p:spPr>
          <a:xfrm>
            <a:off x="-1980728" y="5221649"/>
            <a:ext cx="1916715" cy="1015663"/>
          </a:xfrm>
          <a:prstGeom prst="rect">
            <a:avLst/>
          </a:prstGeom>
          <a:solidFill>
            <a:schemeClr val="bg1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en-GB" sz="1000" b="1" dirty="0">
                <a:solidFill>
                  <a:srgbClr val="D22630"/>
                </a:solidFill>
                <a:latin typeface="+mn-lt"/>
              </a:rPr>
              <a:t>Note</a:t>
            </a:r>
            <a:r>
              <a:rPr lang="en-GB" sz="1000" dirty="0">
                <a:solidFill>
                  <a:srgbClr val="D22630"/>
                </a:solidFill>
                <a:latin typeface="+mn-lt"/>
              </a:rPr>
              <a:t>: </a:t>
            </a:r>
            <a:r>
              <a:rPr lang="en-GB" sz="1000" dirty="0">
                <a:latin typeface="+mn-lt"/>
              </a:rPr>
              <a:t>To change text styles, place text cursor in text and choose to promote or demote level with one of</a:t>
            </a:r>
            <a:br>
              <a:rPr lang="en-GB" sz="1000" dirty="0">
                <a:latin typeface="+mn-lt"/>
              </a:rPr>
            </a:br>
            <a:r>
              <a:rPr lang="en-GB" sz="1000" dirty="0">
                <a:latin typeface="+mn-lt"/>
              </a:rPr>
              <a:t>the indicated buttons.</a:t>
            </a:r>
          </a:p>
          <a:p>
            <a:r>
              <a:rPr lang="en-GB" sz="1000" dirty="0">
                <a:latin typeface="+mn-lt"/>
              </a:rPr>
              <a:t>(located on the HOME tab)</a:t>
            </a:r>
          </a:p>
        </p:txBody>
      </p:sp>
    </p:spTree>
    <p:extLst>
      <p:ext uri="{BB962C8B-B14F-4D97-AF65-F5344CB8AC3E}">
        <p14:creationId xmlns:p14="http://schemas.microsoft.com/office/powerpoint/2010/main" val="415188666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9" r:id="rId1"/>
    <p:sldLayoutId id="2147483700" r:id="rId2"/>
    <p:sldLayoutId id="2147483701" r:id="rId3"/>
    <p:sldLayoutId id="2147483702" r:id="rId4"/>
    <p:sldLayoutId id="2147483720" r:id="rId5"/>
    <p:sldLayoutId id="2147483703" r:id="rId6"/>
    <p:sldLayoutId id="2147483770" r:id="rId7"/>
    <p:sldLayoutId id="2147483704" r:id="rId8"/>
    <p:sldLayoutId id="2147483766" r:id="rId9"/>
    <p:sldLayoutId id="2147483705" r:id="rId10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0" i="0" kern="1200" spc="-50" baseline="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1500"/>
        </a:spcAft>
        <a:buFont typeface="Arial" panose="020B0604020202020204" pitchFamily="34" charset="0"/>
        <a:buNone/>
        <a:defRPr sz="2800" kern="1200">
          <a:solidFill>
            <a:schemeClr val="tx2"/>
          </a:solidFill>
          <a:latin typeface="+mn-lt"/>
          <a:ea typeface="+mn-ea"/>
          <a:cs typeface="+mn-cs"/>
        </a:defRPr>
      </a:lvl1pPr>
      <a:lvl2pPr marL="216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2pPr>
      <a:lvl3pPr marL="432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3pPr>
      <a:lvl4pPr marL="648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SzPct val="110000"/>
        <a:buFontTx/>
        <a:buNone/>
        <a:defRPr sz="28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5ACBF0"/>
          </p15:clr>
        </p15:guide>
        <p15:guide id="2" pos="3840">
          <p15:clr>
            <a:srgbClr val="5ACBF0"/>
          </p15:clr>
        </p15:guide>
        <p15:guide id="3" pos="240">
          <p15:clr>
            <a:srgbClr val="5ACBF0"/>
          </p15:clr>
        </p15:guide>
        <p15:guide id="4" pos="7434">
          <p15:clr>
            <a:srgbClr val="5ACBF0"/>
          </p15:clr>
        </p15:guide>
        <p15:guide id="5" orient="horz" pos="552">
          <p15:clr>
            <a:srgbClr val="5ACBF0"/>
          </p15:clr>
        </p15:guide>
        <p15:guide id="6" orient="horz" pos="252">
          <p15:clr>
            <a:srgbClr val="5ACBF0"/>
          </p15:clr>
        </p15:guide>
        <p15:guide id="7" orient="horz" pos="947" userDrawn="1">
          <p15:clr>
            <a:srgbClr val="5ACBF0"/>
          </p15:clr>
        </p15:guide>
        <p15:guide id="8" orient="horz" pos="3609">
          <p15:clr>
            <a:srgbClr val="5ACBF0"/>
          </p15:clr>
        </p15:guide>
        <p15:guide id="9" orient="horz" pos="4080">
          <p15:clr>
            <a:srgbClr val="5ACBF0"/>
          </p15:clr>
        </p15:guide>
        <p15:guide id="10" pos="3739">
          <p15:clr>
            <a:srgbClr val="F26B43"/>
          </p15:clr>
        </p15:guide>
        <p15:guide id="11" pos="3942">
          <p15:clr>
            <a:srgbClr val="F26B43"/>
          </p15:clr>
        </p15:guide>
      </p15:sldGuideLst>
    </p:ext>
  </p:extLst>
</p:sldMaster>
</file>

<file path=ppt/slideMasters/slideMaster10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E78F7E2-2283-A247-8B63-3805C8CFA7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7625" y="331200"/>
            <a:ext cx="11412000" cy="72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0A4FB3-FB49-8D44-86F6-F7456E929096}"/>
              </a:ext>
            </a:extLst>
          </p:cNvPr>
          <p:cNvSpPr>
            <a:spLocks noGrp="1"/>
          </p:cNvSpPr>
          <p:nvPr userDrawn="1">
            <p:ph type="dt" sz="half" idx="2"/>
          </p:nvPr>
        </p:nvSpPr>
        <p:spPr>
          <a:xfrm>
            <a:off x="-1947600" y="6285600"/>
            <a:ext cx="871122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bg1"/>
                </a:solidFill>
                <a:latin typeface="Aktiv Grotesk" panose="020B0504020202020204" pitchFamily="34" charset="0"/>
              </a:defRPr>
            </a:lvl1pPr>
          </a:lstStyle>
          <a:p>
            <a:fld id="{0AA2343A-A6FA-422B-9DF9-EFBF3243D6C7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F15767D-483D-F640-A089-B7F47050B858}"/>
              </a:ext>
            </a:extLst>
          </p:cNvPr>
          <p:cNvSpPr>
            <a:spLocks noGrp="1"/>
          </p:cNvSpPr>
          <p:nvPr userDrawn="1">
            <p:ph type="ftr" sz="quarter" idx="3"/>
          </p:nvPr>
        </p:nvSpPr>
        <p:spPr>
          <a:xfrm>
            <a:off x="-91747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200">
                <a:solidFill>
                  <a:schemeClr val="bg1"/>
                </a:solidFill>
                <a:latin typeface="Aktiv Grotesk" panose="020B05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04FEFF-E4CC-6040-BDB6-B5A69A6D5EE3}"/>
              </a:ext>
            </a:extLst>
          </p:cNvPr>
          <p:cNvSpPr>
            <a:spLocks noGrp="1"/>
          </p:cNvSpPr>
          <p:nvPr userDrawn="1">
            <p:ph type="sldNum" sz="quarter" idx="4"/>
          </p:nvPr>
        </p:nvSpPr>
        <p:spPr>
          <a:xfrm>
            <a:off x="39443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bg1"/>
                </a:solidFill>
                <a:latin typeface="Aktiv Grotesk" panose="020B0504020202020204" pitchFamily="34" charset="0"/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0" name="Text Placeholder 39">
            <a:extLst>
              <a:ext uri="{FF2B5EF4-FFF2-40B4-BE49-F238E27FC236}">
                <a16:creationId xmlns:a16="http://schemas.microsoft.com/office/drawing/2014/main" id="{A4F96C2E-79C4-9D4C-BDE7-02790CCB42E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8800" y="1476000"/>
            <a:ext cx="11412000" cy="424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pic>
        <p:nvPicPr>
          <p:cNvPr id="9" name="Picture 2"/>
          <p:cNvPicPr>
            <a:picLocks noChangeAspect="1" noChangeArrowheads="1"/>
          </p:cNvPicPr>
          <p:nvPr userDrawn="1"/>
        </p:nvPicPr>
        <p:blipFill>
          <a:blip r:embed="rId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1976165" y="4621909"/>
            <a:ext cx="1916715" cy="5791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0" name="TextBox 9"/>
          <p:cNvSpPr txBox="1"/>
          <p:nvPr userDrawn="1"/>
        </p:nvSpPr>
        <p:spPr>
          <a:xfrm>
            <a:off x="-1980728" y="5221649"/>
            <a:ext cx="1916715" cy="1015663"/>
          </a:xfrm>
          <a:prstGeom prst="rect">
            <a:avLst/>
          </a:prstGeom>
          <a:solidFill>
            <a:schemeClr val="bg1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en-GB" sz="1000" b="1" dirty="0">
                <a:solidFill>
                  <a:srgbClr val="D22630"/>
                </a:solidFill>
                <a:latin typeface="+mn-lt"/>
              </a:rPr>
              <a:t>Note</a:t>
            </a:r>
            <a:r>
              <a:rPr lang="en-GB" sz="1000" dirty="0">
                <a:solidFill>
                  <a:srgbClr val="D22630"/>
                </a:solidFill>
                <a:latin typeface="+mn-lt"/>
              </a:rPr>
              <a:t>: </a:t>
            </a:r>
            <a:r>
              <a:rPr lang="en-GB" sz="1000" dirty="0">
                <a:latin typeface="+mn-lt"/>
              </a:rPr>
              <a:t>To change text styles, place text cursor in text and choose to promote or demote level with one of</a:t>
            </a:r>
            <a:br>
              <a:rPr lang="en-GB" sz="1000" dirty="0">
                <a:latin typeface="+mn-lt"/>
              </a:rPr>
            </a:br>
            <a:r>
              <a:rPr lang="en-GB" sz="1000" dirty="0">
                <a:latin typeface="+mn-lt"/>
              </a:rPr>
              <a:t>the indicated buttons.</a:t>
            </a:r>
          </a:p>
          <a:p>
            <a:r>
              <a:rPr lang="en-GB" sz="1000" dirty="0">
                <a:latin typeface="+mn-lt"/>
              </a:rPr>
              <a:t>(located on the HOME tab)</a:t>
            </a:r>
          </a:p>
        </p:txBody>
      </p:sp>
    </p:spTree>
    <p:extLst>
      <p:ext uri="{BB962C8B-B14F-4D97-AF65-F5344CB8AC3E}">
        <p14:creationId xmlns:p14="http://schemas.microsoft.com/office/powerpoint/2010/main" val="193000675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34" r:id="rId1"/>
    <p:sldLayoutId id="2147483835" r:id="rId2"/>
    <p:sldLayoutId id="2147483836" r:id="rId3"/>
    <p:sldLayoutId id="2147483837" r:id="rId4"/>
    <p:sldLayoutId id="2147483838" r:id="rId5"/>
    <p:sldLayoutId id="2147483839" r:id="rId6"/>
    <p:sldLayoutId id="2147483840" r:id="rId7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0" i="0" kern="1200" spc="-50" baseline="0">
          <a:solidFill>
            <a:schemeClr val="bg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1500"/>
        </a:spcAft>
        <a:buFont typeface="Arial" panose="020B0604020202020204" pitchFamily="34" charset="0"/>
        <a:buNone/>
        <a:defRPr sz="2800" kern="1200">
          <a:solidFill>
            <a:schemeClr val="bg1"/>
          </a:solidFill>
          <a:latin typeface="+mn-lt"/>
          <a:ea typeface="+mn-ea"/>
          <a:cs typeface="+mn-cs"/>
        </a:defRPr>
      </a:lvl1pPr>
      <a:lvl2pPr marL="216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rial" panose="020B0604020202020204" pitchFamily="34" charset="0"/>
        <a:buChar char="•"/>
        <a:defRPr sz="2800" kern="1200">
          <a:solidFill>
            <a:schemeClr val="bg1"/>
          </a:solidFill>
          <a:latin typeface="Aktiv Grotesk" panose="020B0504020202020204" pitchFamily="34" charset="0"/>
          <a:ea typeface="+mn-ea"/>
          <a:cs typeface="+mn-cs"/>
        </a:defRPr>
      </a:lvl2pPr>
      <a:lvl3pPr marL="432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800" kern="1200">
          <a:solidFill>
            <a:schemeClr val="bg1"/>
          </a:solidFill>
          <a:latin typeface="Aktiv Grotesk" panose="020B0504020202020204" pitchFamily="34" charset="0"/>
          <a:ea typeface="+mn-ea"/>
          <a:cs typeface="+mn-cs"/>
        </a:defRPr>
      </a:lvl3pPr>
      <a:lvl4pPr marL="648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800" kern="1200">
          <a:solidFill>
            <a:schemeClr val="bg1"/>
          </a:solidFill>
          <a:latin typeface="Aktiv Grotesk" panose="020B0504020202020204" pitchFamily="34" charset="0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Tx/>
        <a:buNone/>
        <a:defRPr sz="2800" kern="1200">
          <a:solidFill>
            <a:schemeClr val="bg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5ACBF0"/>
          </p15:clr>
        </p15:guide>
        <p15:guide id="2" pos="3840">
          <p15:clr>
            <a:srgbClr val="5ACBF0"/>
          </p15:clr>
        </p15:guide>
        <p15:guide id="3" pos="240">
          <p15:clr>
            <a:srgbClr val="5ACBF0"/>
          </p15:clr>
        </p15:guide>
        <p15:guide id="4" pos="7434">
          <p15:clr>
            <a:srgbClr val="5ACBF0"/>
          </p15:clr>
        </p15:guide>
        <p15:guide id="5" orient="horz" pos="552">
          <p15:clr>
            <a:srgbClr val="5ACBF0"/>
          </p15:clr>
        </p15:guide>
        <p15:guide id="6" orient="horz" pos="252">
          <p15:clr>
            <a:srgbClr val="5ACBF0"/>
          </p15:clr>
        </p15:guide>
        <p15:guide id="7" orient="horz" pos="947">
          <p15:clr>
            <a:srgbClr val="5ACBF0"/>
          </p15:clr>
        </p15:guide>
        <p15:guide id="8" orient="horz" pos="3609">
          <p15:clr>
            <a:srgbClr val="5ACBF0"/>
          </p15:clr>
        </p15:guide>
        <p15:guide id="9" orient="horz" pos="4080">
          <p15:clr>
            <a:srgbClr val="5ACBF0"/>
          </p15:clr>
        </p15:guide>
        <p15:guide id="10" pos="3739">
          <p15:clr>
            <a:srgbClr val="F26B43"/>
          </p15:clr>
        </p15:guide>
        <p15:guide id="11" pos="3942">
          <p15:clr>
            <a:srgbClr val="F26B43"/>
          </p15:clr>
        </p15:guide>
      </p15:sldGuideLst>
    </p:ext>
  </p:extLst>
</p:sldMaster>
</file>

<file path=ppt/slideMasters/slideMaster1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E78F7E2-2283-A247-8B63-3805C8CFA7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7625" y="331200"/>
            <a:ext cx="11412000" cy="72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0A4FB3-FB49-8D44-86F6-F7456E929096}"/>
              </a:ext>
            </a:extLst>
          </p:cNvPr>
          <p:cNvSpPr>
            <a:spLocks noGrp="1"/>
          </p:cNvSpPr>
          <p:nvPr userDrawn="1">
            <p:ph type="dt" sz="half" idx="2"/>
          </p:nvPr>
        </p:nvSpPr>
        <p:spPr>
          <a:xfrm>
            <a:off x="-1947600" y="6285600"/>
            <a:ext cx="871122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F15767D-483D-F640-A089-B7F47050B858}"/>
              </a:ext>
            </a:extLst>
          </p:cNvPr>
          <p:cNvSpPr>
            <a:spLocks noGrp="1"/>
          </p:cNvSpPr>
          <p:nvPr userDrawn="1">
            <p:ph type="ftr" sz="quarter" idx="3"/>
          </p:nvPr>
        </p:nvSpPr>
        <p:spPr>
          <a:xfrm>
            <a:off x="-91747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04FEFF-E4CC-6040-BDB6-B5A69A6D5EE3}"/>
              </a:ext>
            </a:extLst>
          </p:cNvPr>
          <p:cNvSpPr>
            <a:spLocks noGrp="1"/>
          </p:cNvSpPr>
          <p:nvPr userDrawn="1">
            <p:ph type="sldNum" sz="quarter" idx="4"/>
          </p:nvPr>
        </p:nvSpPr>
        <p:spPr>
          <a:xfrm>
            <a:off x="39443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0" name="Text Placeholder 39">
            <a:extLst>
              <a:ext uri="{FF2B5EF4-FFF2-40B4-BE49-F238E27FC236}">
                <a16:creationId xmlns:a16="http://schemas.microsoft.com/office/drawing/2014/main" id="{A4F96C2E-79C4-9D4C-BDE7-02790CCB42E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8800" y="1476000"/>
            <a:ext cx="11412000" cy="424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pic>
        <p:nvPicPr>
          <p:cNvPr id="9" name="Picture 2"/>
          <p:cNvPicPr>
            <a:picLocks noChangeAspect="1" noChangeArrowheads="1"/>
          </p:cNvPicPr>
          <p:nvPr userDrawn="1"/>
        </p:nvPicPr>
        <p:blipFill>
          <a:blip r:embed="rId20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1976165" y="4621909"/>
            <a:ext cx="1916715" cy="5791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0" name="TextBox 9"/>
          <p:cNvSpPr txBox="1"/>
          <p:nvPr userDrawn="1"/>
        </p:nvSpPr>
        <p:spPr>
          <a:xfrm>
            <a:off x="-1980728" y="5221649"/>
            <a:ext cx="1916715" cy="1015663"/>
          </a:xfrm>
          <a:prstGeom prst="rect">
            <a:avLst/>
          </a:prstGeom>
          <a:solidFill>
            <a:schemeClr val="bg1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en-GB" sz="1000" b="1" dirty="0">
                <a:solidFill>
                  <a:srgbClr val="D22630"/>
                </a:solidFill>
                <a:latin typeface="+mn-lt"/>
              </a:rPr>
              <a:t>Note</a:t>
            </a:r>
            <a:r>
              <a:rPr lang="en-GB" sz="1000" dirty="0">
                <a:solidFill>
                  <a:srgbClr val="D22630"/>
                </a:solidFill>
                <a:latin typeface="+mn-lt"/>
              </a:rPr>
              <a:t>: </a:t>
            </a:r>
            <a:r>
              <a:rPr lang="en-GB" sz="1000" dirty="0">
                <a:latin typeface="+mn-lt"/>
              </a:rPr>
              <a:t>To change text styles, place text cursor in text and choose to promote or demote level with one of</a:t>
            </a:r>
            <a:br>
              <a:rPr lang="en-GB" sz="1000" dirty="0">
                <a:latin typeface="+mn-lt"/>
              </a:rPr>
            </a:br>
            <a:r>
              <a:rPr lang="en-GB" sz="1000" dirty="0">
                <a:latin typeface="+mn-lt"/>
              </a:rPr>
              <a:t>the indicated buttons.</a:t>
            </a:r>
          </a:p>
          <a:p>
            <a:r>
              <a:rPr lang="en-GB" sz="1000" dirty="0">
                <a:latin typeface="+mn-lt"/>
              </a:rPr>
              <a:t>(located on the HOME tab)</a:t>
            </a:r>
          </a:p>
        </p:txBody>
      </p:sp>
    </p:spTree>
    <p:extLst>
      <p:ext uri="{BB962C8B-B14F-4D97-AF65-F5344CB8AC3E}">
        <p14:creationId xmlns:p14="http://schemas.microsoft.com/office/powerpoint/2010/main" val="399416874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43" r:id="rId1"/>
    <p:sldLayoutId id="2147483844" r:id="rId2"/>
    <p:sldLayoutId id="2147483845" r:id="rId3"/>
    <p:sldLayoutId id="2147483846" r:id="rId4"/>
    <p:sldLayoutId id="2147483847" r:id="rId5"/>
    <p:sldLayoutId id="2147483848" r:id="rId6"/>
    <p:sldLayoutId id="2147483849" r:id="rId7"/>
    <p:sldLayoutId id="2147483850" r:id="rId8"/>
    <p:sldLayoutId id="2147483851" r:id="rId9"/>
    <p:sldLayoutId id="2147483852" r:id="rId10"/>
    <p:sldLayoutId id="2147483853" r:id="rId11"/>
    <p:sldLayoutId id="2147483854" r:id="rId12"/>
    <p:sldLayoutId id="2147483855" r:id="rId13"/>
    <p:sldLayoutId id="2147483856" r:id="rId14"/>
    <p:sldLayoutId id="2147483857" r:id="rId15"/>
    <p:sldLayoutId id="2147483858" r:id="rId16"/>
    <p:sldLayoutId id="2147483859" r:id="rId17"/>
    <p:sldLayoutId id="2147483860" r:id="rId18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0" i="0" kern="1200" spc="-50" baseline="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1500"/>
        </a:spcAft>
        <a:buFont typeface="Arial" panose="020B0604020202020204" pitchFamily="34" charset="0"/>
        <a:buNone/>
        <a:defRPr sz="2800" kern="1200">
          <a:solidFill>
            <a:schemeClr val="tx2"/>
          </a:solidFill>
          <a:latin typeface="+mn-lt"/>
          <a:ea typeface="+mn-ea"/>
          <a:cs typeface="+mn-cs"/>
        </a:defRPr>
      </a:lvl1pPr>
      <a:lvl2pPr marL="216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2pPr>
      <a:lvl3pPr marL="432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3pPr>
      <a:lvl4pPr marL="648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SzPct val="110000"/>
        <a:buFontTx/>
        <a:buNone/>
        <a:defRPr sz="28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5ACBF0"/>
          </p15:clr>
        </p15:guide>
        <p15:guide id="2" pos="3840">
          <p15:clr>
            <a:srgbClr val="5ACBF0"/>
          </p15:clr>
        </p15:guide>
        <p15:guide id="3" pos="240">
          <p15:clr>
            <a:srgbClr val="5ACBF0"/>
          </p15:clr>
        </p15:guide>
        <p15:guide id="4" pos="7434">
          <p15:clr>
            <a:srgbClr val="5ACBF0"/>
          </p15:clr>
        </p15:guide>
        <p15:guide id="5" orient="horz" pos="552">
          <p15:clr>
            <a:srgbClr val="5ACBF0"/>
          </p15:clr>
        </p15:guide>
        <p15:guide id="6" orient="horz" pos="252">
          <p15:clr>
            <a:srgbClr val="5ACBF0"/>
          </p15:clr>
        </p15:guide>
        <p15:guide id="7" orient="horz" pos="947">
          <p15:clr>
            <a:srgbClr val="5ACBF0"/>
          </p15:clr>
        </p15:guide>
        <p15:guide id="8" orient="horz" pos="3609">
          <p15:clr>
            <a:srgbClr val="5ACBF0"/>
          </p15:clr>
        </p15:guide>
        <p15:guide id="9" orient="horz" pos="4080">
          <p15:clr>
            <a:srgbClr val="5ACBF0"/>
          </p15:clr>
        </p15:guide>
        <p15:guide id="10" pos="3739">
          <p15:clr>
            <a:srgbClr val="F26B43"/>
          </p15:clr>
        </p15:guide>
        <p15:guide id="11" pos="3942">
          <p15:clr>
            <a:srgbClr val="F26B43"/>
          </p15:clr>
        </p15:guide>
      </p15:sldGuideLst>
    </p:ext>
  </p:extLst>
</p:sldMaster>
</file>

<file path=ppt/slideMasters/slideMaster1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E78F7E2-2283-A247-8B63-3805C8CFA7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7625" y="331200"/>
            <a:ext cx="11412000" cy="72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0A4FB3-FB49-8D44-86F6-F7456E92909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-1947600" y="6285600"/>
            <a:ext cx="871122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F15767D-483D-F640-A089-B7F47050B85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-91747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04FEFF-E4CC-6040-BDB6-B5A69A6D5EE3}"/>
              </a:ext>
            </a:extLst>
          </p:cNvPr>
          <p:cNvSpPr>
            <a:spLocks noGrp="1"/>
          </p:cNvSpPr>
          <p:nvPr userDrawn="1">
            <p:ph type="sldNum" sz="quarter" idx="4"/>
          </p:nvPr>
        </p:nvSpPr>
        <p:spPr>
          <a:xfrm>
            <a:off x="39443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0" name="Text Placeholder 39">
            <a:extLst>
              <a:ext uri="{FF2B5EF4-FFF2-40B4-BE49-F238E27FC236}">
                <a16:creationId xmlns:a16="http://schemas.microsoft.com/office/drawing/2014/main" id="{A4F96C2E-79C4-9D4C-BDE7-02790CCB42E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8800" y="1476000"/>
            <a:ext cx="11412000" cy="424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pic>
        <p:nvPicPr>
          <p:cNvPr id="11" name="Picture 2"/>
          <p:cNvPicPr>
            <a:picLocks noChangeAspect="1" noChangeArrowheads="1"/>
          </p:cNvPicPr>
          <p:nvPr userDrawn="1"/>
        </p:nvPicPr>
        <p:blipFill>
          <a:blip r:embed="rId10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1976165" y="4621909"/>
            <a:ext cx="1916715" cy="5791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2" name="TextBox 11"/>
          <p:cNvSpPr txBox="1"/>
          <p:nvPr userDrawn="1"/>
        </p:nvSpPr>
        <p:spPr>
          <a:xfrm>
            <a:off x="-1980728" y="5221649"/>
            <a:ext cx="1916715" cy="1015663"/>
          </a:xfrm>
          <a:prstGeom prst="rect">
            <a:avLst/>
          </a:prstGeom>
          <a:solidFill>
            <a:schemeClr val="bg1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en-GB" sz="1000" b="1" dirty="0">
                <a:solidFill>
                  <a:srgbClr val="D22630"/>
                </a:solidFill>
                <a:latin typeface="+mn-lt"/>
              </a:rPr>
              <a:t>Note</a:t>
            </a:r>
            <a:r>
              <a:rPr lang="en-GB" sz="1000" dirty="0">
                <a:solidFill>
                  <a:srgbClr val="D22630"/>
                </a:solidFill>
                <a:latin typeface="+mn-lt"/>
              </a:rPr>
              <a:t>: </a:t>
            </a:r>
            <a:r>
              <a:rPr lang="en-GB" sz="1000" dirty="0">
                <a:latin typeface="+mn-lt"/>
              </a:rPr>
              <a:t>To change text styles, place text cursor in text and choose to promote or demote level with one of</a:t>
            </a:r>
            <a:br>
              <a:rPr lang="en-GB" sz="1000" dirty="0">
                <a:latin typeface="+mn-lt"/>
              </a:rPr>
            </a:br>
            <a:r>
              <a:rPr lang="en-GB" sz="1000" dirty="0">
                <a:latin typeface="+mn-lt"/>
              </a:rPr>
              <a:t>the indicated buttons.</a:t>
            </a:r>
          </a:p>
          <a:p>
            <a:r>
              <a:rPr lang="en-GB" sz="1000" dirty="0">
                <a:latin typeface="+mn-lt"/>
              </a:rPr>
              <a:t>(located on the HOME tab)</a:t>
            </a:r>
          </a:p>
        </p:txBody>
      </p:sp>
      <p:sp>
        <p:nvSpPr>
          <p:cNvPr id="10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8986979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62" r:id="rId1"/>
    <p:sldLayoutId id="2147483863" r:id="rId2"/>
    <p:sldLayoutId id="2147483864" r:id="rId3"/>
    <p:sldLayoutId id="2147483865" r:id="rId4"/>
    <p:sldLayoutId id="2147483866" r:id="rId5"/>
    <p:sldLayoutId id="2147483867" r:id="rId6"/>
    <p:sldLayoutId id="2147483868" r:id="rId7"/>
    <p:sldLayoutId id="2147483869" r:id="rId8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0" i="0" kern="1200" spc="-50" baseline="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1500"/>
        </a:spcAft>
        <a:buFont typeface="Arial" panose="020B0604020202020204" pitchFamily="34" charset="0"/>
        <a:buNone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216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2pPr>
      <a:lvl3pPr marL="432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3pPr>
      <a:lvl4pPr marL="648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Tx/>
        <a:buNone/>
        <a:defRPr sz="28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5ACBF0"/>
          </p15:clr>
        </p15:guide>
        <p15:guide id="2" pos="3840">
          <p15:clr>
            <a:srgbClr val="5ACBF0"/>
          </p15:clr>
        </p15:guide>
        <p15:guide id="3" pos="240">
          <p15:clr>
            <a:srgbClr val="5ACBF0"/>
          </p15:clr>
        </p15:guide>
        <p15:guide id="4" pos="7434">
          <p15:clr>
            <a:srgbClr val="5ACBF0"/>
          </p15:clr>
        </p15:guide>
        <p15:guide id="5" orient="horz" pos="552">
          <p15:clr>
            <a:srgbClr val="5ACBF0"/>
          </p15:clr>
        </p15:guide>
        <p15:guide id="6" orient="horz" pos="252">
          <p15:clr>
            <a:srgbClr val="5ACBF0"/>
          </p15:clr>
        </p15:guide>
        <p15:guide id="7" orient="horz" pos="947">
          <p15:clr>
            <a:srgbClr val="5ACBF0"/>
          </p15:clr>
        </p15:guide>
        <p15:guide id="8" orient="horz" pos="3609">
          <p15:clr>
            <a:srgbClr val="5ACBF0"/>
          </p15:clr>
        </p15:guide>
        <p15:guide id="9" orient="horz" pos="4080">
          <p15:clr>
            <a:srgbClr val="5ACBF0"/>
          </p15:clr>
        </p15:guide>
        <p15:guide id="10" pos="3739">
          <p15:clr>
            <a:srgbClr val="F26B43"/>
          </p15:clr>
        </p15:guide>
        <p15:guide id="11" pos="3942">
          <p15:clr>
            <a:srgbClr val="F26B43"/>
          </p15:clr>
        </p15:guide>
      </p15:sldGuideLst>
    </p:ext>
  </p:extLst>
</p:sldMaster>
</file>

<file path=ppt/slideMasters/slideMaster1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E78F7E2-2283-A247-8B63-3805C8CFA7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7625" y="331200"/>
            <a:ext cx="11412000" cy="72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0A4FB3-FB49-8D44-86F6-F7456E92909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-1947600" y="6285600"/>
            <a:ext cx="871122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F15767D-483D-F640-A089-B7F47050B85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-91747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04FEFF-E4CC-6040-BDB6-B5A69A6D5EE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39443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0" name="Text Placeholder 39">
            <a:extLst>
              <a:ext uri="{FF2B5EF4-FFF2-40B4-BE49-F238E27FC236}">
                <a16:creationId xmlns:a16="http://schemas.microsoft.com/office/drawing/2014/main" id="{A4F96C2E-79C4-9D4C-BDE7-02790CCB42E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8800" y="1476000"/>
            <a:ext cx="11412000" cy="424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pic>
        <p:nvPicPr>
          <p:cNvPr id="9" name="Picture 2"/>
          <p:cNvPicPr>
            <a:picLocks noChangeAspect="1" noChangeArrowheads="1"/>
          </p:cNvPicPr>
          <p:nvPr/>
        </p:nvPicPr>
        <p:blipFill>
          <a:blip r:embed="rId20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1976165" y="4621909"/>
            <a:ext cx="1916715" cy="5791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0" name="TextBox 9"/>
          <p:cNvSpPr txBox="1"/>
          <p:nvPr/>
        </p:nvSpPr>
        <p:spPr>
          <a:xfrm>
            <a:off x="-1980728" y="5221649"/>
            <a:ext cx="1916715" cy="1015663"/>
          </a:xfrm>
          <a:prstGeom prst="rect">
            <a:avLst/>
          </a:prstGeom>
          <a:solidFill>
            <a:schemeClr val="bg1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en-GB" sz="1000" b="1" dirty="0">
                <a:solidFill>
                  <a:srgbClr val="D22630"/>
                </a:solidFill>
                <a:latin typeface="+mn-lt"/>
              </a:rPr>
              <a:t>Note</a:t>
            </a:r>
            <a:r>
              <a:rPr lang="en-GB" sz="1000" dirty="0">
                <a:solidFill>
                  <a:srgbClr val="D22630"/>
                </a:solidFill>
                <a:latin typeface="+mn-lt"/>
              </a:rPr>
              <a:t>: </a:t>
            </a:r>
            <a:r>
              <a:rPr lang="en-GB" sz="1000" dirty="0">
                <a:latin typeface="+mn-lt"/>
              </a:rPr>
              <a:t>To change text styles, place text cursor in text and choose to promote or demote level with one of</a:t>
            </a:r>
            <a:br>
              <a:rPr lang="en-GB" sz="1000" dirty="0">
                <a:latin typeface="+mn-lt"/>
              </a:rPr>
            </a:br>
            <a:r>
              <a:rPr lang="en-GB" sz="1000" dirty="0">
                <a:latin typeface="+mn-lt"/>
              </a:rPr>
              <a:t>the indicated buttons.</a:t>
            </a:r>
          </a:p>
          <a:p>
            <a:r>
              <a:rPr lang="en-GB" sz="1000" dirty="0">
                <a:latin typeface="+mn-lt"/>
              </a:rPr>
              <a:t>(located on the HOME tab)</a:t>
            </a:r>
          </a:p>
        </p:txBody>
      </p:sp>
    </p:spTree>
    <p:extLst>
      <p:ext uri="{BB962C8B-B14F-4D97-AF65-F5344CB8AC3E}">
        <p14:creationId xmlns:p14="http://schemas.microsoft.com/office/powerpoint/2010/main" val="26584664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72" r:id="rId1"/>
    <p:sldLayoutId id="2147483873" r:id="rId2"/>
    <p:sldLayoutId id="2147483874" r:id="rId3"/>
    <p:sldLayoutId id="2147483875" r:id="rId4"/>
    <p:sldLayoutId id="2147483876" r:id="rId5"/>
    <p:sldLayoutId id="2147483877" r:id="rId6"/>
    <p:sldLayoutId id="2147483878" r:id="rId7"/>
    <p:sldLayoutId id="2147483879" r:id="rId8"/>
    <p:sldLayoutId id="2147483880" r:id="rId9"/>
    <p:sldLayoutId id="2147483881" r:id="rId10"/>
    <p:sldLayoutId id="2147483882" r:id="rId11"/>
    <p:sldLayoutId id="2147483883" r:id="rId12"/>
    <p:sldLayoutId id="2147483884" r:id="rId13"/>
    <p:sldLayoutId id="2147483885" r:id="rId14"/>
    <p:sldLayoutId id="2147483886" r:id="rId15"/>
    <p:sldLayoutId id="2147483887" r:id="rId16"/>
    <p:sldLayoutId id="2147483888" r:id="rId17"/>
    <p:sldLayoutId id="2147483889" r:id="rId18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0" i="0" kern="1200" spc="-50" baseline="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1500"/>
        </a:spcAft>
        <a:buFont typeface="Arial" panose="020B0604020202020204" pitchFamily="34" charset="0"/>
        <a:buNone/>
        <a:defRPr sz="2000" kern="1200">
          <a:solidFill>
            <a:schemeClr val="tx2"/>
          </a:solidFill>
          <a:latin typeface="+mn-lt"/>
          <a:ea typeface="+mn-ea"/>
          <a:cs typeface="+mn-cs"/>
        </a:defRPr>
      </a:lvl1pPr>
      <a:lvl2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2pPr>
      <a:lvl3pPr marL="288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0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3pPr>
      <a:lvl4pPr marL="432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0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1000"/>
        </a:spcBef>
        <a:spcAft>
          <a:spcPts val="0"/>
        </a:spcAft>
        <a:buSzPct val="110000"/>
        <a:buFontTx/>
        <a:buNone/>
        <a:defRPr sz="20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5ACBF0"/>
          </p15:clr>
        </p15:guide>
        <p15:guide id="2" pos="3840">
          <p15:clr>
            <a:srgbClr val="5ACBF0"/>
          </p15:clr>
        </p15:guide>
        <p15:guide id="3" pos="240">
          <p15:clr>
            <a:srgbClr val="5ACBF0"/>
          </p15:clr>
        </p15:guide>
        <p15:guide id="4" pos="7434">
          <p15:clr>
            <a:srgbClr val="5ACBF0"/>
          </p15:clr>
        </p15:guide>
        <p15:guide id="5" orient="horz" pos="552">
          <p15:clr>
            <a:srgbClr val="5ACBF0"/>
          </p15:clr>
        </p15:guide>
        <p15:guide id="6" orient="horz" pos="252">
          <p15:clr>
            <a:srgbClr val="5ACBF0"/>
          </p15:clr>
        </p15:guide>
        <p15:guide id="7" orient="horz" pos="947">
          <p15:clr>
            <a:srgbClr val="5ACBF0"/>
          </p15:clr>
        </p15:guide>
        <p15:guide id="8" orient="horz" pos="3609">
          <p15:clr>
            <a:srgbClr val="5ACBF0"/>
          </p15:clr>
        </p15:guide>
        <p15:guide id="9" orient="horz" pos="4080">
          <p15:clr>
            <a:srgbClr val="5ACBF0"/>
          </p15:clr>
        </p15:guide>
        <p15:guide id="10" pos="3739">
          <p15:clr>
            <a:srgbClr val="F26B43"/>
          </p15:clr>
        </p15:guide>
        <p15:guide id="11" pos="3942">
          <p15:clr>
            <a:srgbClr val="F26B43"/>
          </p15:clr>
        </p15:guide>
      </p15:sldGuideLst>
    </p:ext>
  </p:extLst>
</p:sldMaster>
</file>

<file path=ppt/slideMasters/slideMaster1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E78F7E2-2283-A247-8B63-3805C8CFA7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7625" y="331200"/>
            <a:ext cx="11412000" cy="72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0A4FB3-FB49-8D44-86F6-F7456E92909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-1947600" y="6285600"/>
            <a:ext cx="871122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F15767D-483D-F640-A089-B7F47050B85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-91747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04FEFF-E4CC-6040-BDB6-B5A69A6D5EE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39443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0" name="Text Placeholder 39">
            <a:extLst>
              <a:ext uri="{FF2B5EF4-FFF2-40B4-BE49-F238E27FC236}">
                <a16:creationId xmlns:a16="http://schemas.microsoft.com/office/drawing/2014/main" id="{A4F96C2E-79C4-9D4C-BDE7-02790CCB42E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8800" y="1476000"/>
            <a:ext cx="11412000" cy="424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pic>
        <p:nvPicPr>
          <p:cNvPr id="11" name="Picture 2"/>
          <p:cNvPicPr>
            <a:picLocks noChangeAspect="1" noChangeArrowheads="1"/>
          </p:cNvPicPr>
          <p:nvPr/>
        </p:nvPicPr>
        <p:blipFill>
          <a:blip r:embed="rId8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1976165" y="4621909"/>
            <a:ext cx="1916715" cy="5791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2" name="TextBox 11"/>
          <p:cNvSpPr txBox="1"/>
          <p:nvPr/>
        </p:nvSpPr>
        <p:spPr>
          <a:xfrm>
            <a:off x="-1980728" y="5221649"/>
            <a:ext cx="1916715" cy="1015663"/>
          </a:xfrm>
          <a:prstGeom prst="rect">
            <a:avLst/>
          </a:prstGeom>
          <a:solidFill>
            <a:schemeClr val="bg1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en-GB" sz="1000" b="1" dirty="0">
                <a:solidFill>
                  <a:srgbClr val="D22630"/>
                </a:solidFill>
                <a:latin typeface="+mn-lt"/>
              </a:rPr>
              <a:t>Note</a:t>
            </a:r>
            <a:r>
              <a:rPr lang="en-GB" sz="1000" dirty="0">
                <a:solidFill>
                  <a:srgbClr val="D22630"/>
                </a:solidFill>
                <a:latin typeface="+mn-lt"/>
              </a:rPr>
              <a:t>: </a:t>
            </a:r>
            <a:r>
              <a:rPr lang="en-GB" sz="1000" dirty="0">
                <a:latin typeface="+mn-lt"/>
              </a:rPr>
              <a:t>To change text styles, place text cursor in text and choose to promote or demote level with one of</a:t>
            </a:r>
            <a:br>
              <a:rPr lang="en-GB" sz="1000" dirty="0">
                <a:latin typeface="+mn-lt"/>
              </a:rPr>
            </a:br>
            <a:r>
              <a:rPr lang="en-GB" sz="1000" dirty="0">
                <a:latin typeface="+mn-lt"/>
              </a:rPr>
              <a:t>the indicated buttons.</a:t>
            </a:r>
          </a:p>
          <a:p>
            <a:r>
              <a:rPr lang="en-GB" sz="1000" dirty="0">
                <a:latin typeface="+mn-lt"/>
              </a:rPr>
              <a:t>(located on the HOME tab)</a:t>
            </a:r>
          </a:p>
        </p:txBody>
      </p:sp>
    </p:spTree>
    <p:extLst>
      <p:ext uri="{BB962C8B-B14F-4D97-AF65-F5344CB8AC3E}">
        <p14:creationId xmlns:p14="http://schemas.microsoft.com/office/powerpoint/2010/main" val="260350431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91" r:id="rId1"/>
    <p:sldLayoutId id="2147483892" r:id="rId2"/>
    <p:sldLayoutId id="2147483893" r:id="rId3"/>
    <p:sldLayoutId id="2147483894" r:id="rId4"/>
    <p:sldLayoutId id="2147483895" r:id="rId5"/>
    <p:sldLayoutId id="2147483896" r:id="rId6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0" i="0" kern="1200" spc="-50" baseline="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1500"/>
        </a:spcAft>
        <a:buFont typeface="Arial" panose="020B0604020202020204" pitchFamily="34" charset="0"/>
        <a:buNone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2pPr>
      <a:lvl3pPr marL="288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0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3pPr>
      <a:lvl4pPr marL="432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0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1000"/>
        </a:spcBef>
        <a:spcAft>
          <a:spcPts val="700"/>
        </a:spcAft>
        <a:buSzPct val="110000"/>
        <a:buFontTx/>
        <a:buNone/>
        <a:defRPr sz="20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5ACBF0"/>
          </p15:clr>
        </p15:guide>
        <p15:guide id="2" pos="3840">
          <p15:clr>
            <a:srgbClr val="5ACBF0"/>
          </p15:clr>
        </p15:guide>
        <p15:guide id="3" pos="240">
          <p15:clr>
            <a:srgbClr val="5ACBF0"/>
          </p15:clr>
        </p15:guide>
        <p15:guide id="4" pos="7434">
          <p15:clr>
            <a:srgbClr val="5ACBF0"/>
          </p15:clr>
        </p15:guide>
        <p15:guide id="5" orient="horz" pos="552">
          <p15:clr>
            <a:srgbClr val="5ACBF0"/>
          </p15:clr>
        </p15:guide>
        <p15:guide id="6" orient="horz" pos="252">
          <p15:clr>
            <a:srgbClr val="5ACBF0"/>
          </p15:clr>
        </p15:guide>
        <p15:guide id="7" orient="horz" pos="947">
          <p15:clr>
            <a:srgbClr val="5ACBF0"/>
          </p15:clr>
        </p15:guide>
        <p15:guide id="8" orient="horz" pos="3609">
          <p15:clr>
            <a:srgbClr val="5ACBF0"/>
          </p15:clr>
        </p15:guide>
        <p15:guide id="9" orient="horz" pos="4080">
          <p15:clr>
            <a:srgbClr val="5ACBF0"/>
          </p15:clr>
        </p15:guide>
        <p15:guide id="10" pos="3739">
          <p15:clr>
            <a:srgbClr val="F26B43"/>
          </p15:clr>
        </p15:guide>
        <p15:guide id="11" pos="3942">
          <p15:clr>
            <a:srgbClr val="F26B43"/>
          </p15:clr>
        </p15:guide>
      </p15:sldGuideLst>
    </p:ext>
  </p:extLst>
</p:sldMaster>
</file>

<file path=ppt/slideMasters/slideMaster1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E78F7E2-2283-A247-8B63-3805C8CFA7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7625" y="331200"/>
            <a:ext cx="11412000" cy="72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0A4FB3-FB49-8D44-86F6-F7456E92909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-1947600" y="6285600"/>
            <a:ext cx="871122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F15767D-483D-F640-A089-B7F47050B85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-91747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04FEFF-E4CC-6040-BDB6-B5A69A6D5EE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39443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0" name="Text Placeholder 39">
            <a:extLst>
              <a:ext uri="{FF2B5EF4-FFF2-40B4-BE49-F238E27FC236}">
                <a16:creationId xmlns:a16="http://schemas.microsoft.com/office/drawing/2014/main" id="{A4F96C2E-79C4-9D4C-BDE7-02790CCB42E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8800" y="1476000"/>
            <a:ext cx="11412000" cy="424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pic>
        <p:nvPicPr>
          <p:cNvPr id="9" name="Picture 2"/>
          <p:cNvPicPr>
            <a:picLocks noChangeAspect="1" noChangeArrowheads="1"/>
          </p:cNvPicPr>
          <p:nvPr/>
        </p:nvPicPr>
        <p:blipFill>
          <a:blip r:embed="rId1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1976165" y="4621909"/>
            <a:ext cx="1916715" cy="5791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0" name="TextBox 9"/>
          <p:cNvSpPr txBox="1"/>
          <p:nvPr/>
        </p:nvSpPr>
        <p:spPr>
          <a:xfrm>
            <a:off x="-1980728" y="5221649"/>
            <a:ext cx="1916715" cy="1015663"/>
          </a:xfrm>
          <a:prstGeom prst="rect">
            <a:avLst/>
          </a:prstGeom>
          <a:solidFill>
            <a:schemeClr val="bg1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en-GB" sz="1000" b="1" dirty="0">
                <a:solidFill>
                  <a:srgbClr val="D22630"/>
                </a:solidFill>
                <a:latin typeface="+mn-lt"/>
              </a:rPr>
              <a:t>Note</a:t>
            </a:r>
            <a:r>
              <a:rPr lang="en-GB" sz="1000" dirty="0">
                <a:solidFill>
                  <a:srgbClr val="D22630"/>
                </a:solidFill>
                <a:latin typeface="+mn-lt"/>
              </a:rPr>
              <a:t>: </a:t>
            </a:r>
            <a:r>
              <a:rPr lang="en-GB" sz="1000" dirty="0">
                <a:latin typeface="+mn-lt"/>
              </a:rPr>
              <a:t>To change text styles, place text cursor in text and choose to promote or demote level with one of</a:t>
            </a:r>
            <a:br>
              <a:rPr lang="en-GB" sz="1000" dirty="0">
                <a:latin typeface="+mn-lt"/>
              </a:rPr>
            </a:br>
            <a:r>
              <a:rPr lang="en-GB" sz="1000" dirty="0">
                <a:latin typeface="+mn-lt"/>
              </a:rPr>
              <a:t>the indicated buttons.</a:t>
            </a:r>
          </a:p>
          <a:p>
            <a:r>
              <a:rPr lang="en-GB" sz="1000" dirty="0">
                <a:latin typeface="+mn-lt"/>
              </a:rPr>
              <a:t>(located on the HOME tab)</a:t>
            </a:r>
          </a:p>
        </p:txBody>
      </p:sp>
    </p:spTree>
    <p:extLst>
      <p:ext uri="{BB962C8B-B14F-4D97-AF65-F5344CB8AC3E}">
        <p14:creationId xmlns:p14="http://schemas.microsoft.com/office/powerpoint/2010/main" val="316505578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99" r:id="rId1"/>
    <p:sldLayoutId id="2147483900" r:id="rId2"/>
    <p:sldLayoutId id="2147483901" r:id="rId3"/>
    <p:sldLayoutId id="2147483902" r:id="rId4"/>
    <p:sldLayoutId id="2147483903" r:id="rId5"/>
    <p:sldLayoutId id="2147483904" r:id="rId6"/>
    <p:sldLayoutId id="2147483905" r:id="rId7"/>
    <p:sldLayoutId id="2147483906" r:id="rId8"/>
    <p:sldLayoutId id="2147483907" r:id="rId9"/>
    <p:sldLayoutId id="2147483908" r:id="rId10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0" i="0" kern="1200" spc="-50" baseline="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1500"/>
        </a:spcAft>
        <a:buFont typeface="Arial" panose="020B0604020202020204" pitchFamily="34" charset="0"/>
        <a:buNone/>
        <a:defRPr sz="2000" kern="1200">
          <a:solidFill>
            <a:schemeClr val="tx2"/>
          </a:solidFill>
          <a:latin typeface="+mn-lt"/>
          <a:ea typeface="+mn-ea"/>
          <a:cs typeface="+mn-cs"/>
        </a:defRPr>
      </a:lvl1pPr>
      <a:lvl2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2pPr>
      <a:lvl3pPr marL="288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0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3pPr>
      <a:lvl4pPr marL="432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0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SzPct val="110000"/>
        <a:buFontTx/>
        <a:buNone/>
        <a:defRPr sz="20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5ACBF0"/>
          </p15:clr>
        </p15:guide>
        <p15:guide id="2" pos="3840">
          <p15:clr>
            <a:srgbClr val="5ACBF0"/>
          </p15:clr>
        </p15:guide>
        <p15:guide id="3" pos="240">
          <p15:clr>
            <a:srgbClr val="5ACBF0"/>
          </p15:clr>
        </p15:guide>
        <p15:guide id="4" pos="7434">
          <p15:clr>
            <a:srgbClr val="5ACBF0"/>
          </p15:clr>
        </p15:guide>
        <p15:guide id="5" orient="horz" pos="552">
          <p15:clr>
            <a:srgbClr val="5ACBF0"/>
          </p15:clr>
        </p15:guide>
        <p15:guide id="6" orient="horz" pos="252">
          <p15:clr>
            <a:srgbClr val="5ACBF0"/>
          </p15:clr>
        </p15:guide>
        <p15:guide id="7" orient="horz" pos="947">
          <p15:clr>
            <a:srgbClr val="5ACBF0"/>
          </p15:clr>
        </p15:guide>
        <p15:guide id="8" orient="horz" pos="3609">
          <p15:clr>
            <a:srgbClr val="5ACBF0"/>
          </p15:clr>
        </p15:guide>
        <p15:guide id="9" orient="horz" pos="4080">
          <p15:clr>
            <a:srgbClr val="5ACBF0"/>
          </p15:clr>
        </p15:guide>
        <p15:guide id="10" pos="3739">
          <p15:clr>
            <a:srgbClr val="F26B43"/>
          </p15:clr>
        </p15:guide>
        <p15:guide id="11" pos="3942">
          <p15:clr>
            <a:srgbClr val="F26B43"/>
          </p15:clr>
        </p15:guide>
      </p15:sldGuideLst>
    </p:ext>
  </p:extLst>
</p:sldMaster>
</file>

<file path=ppt/slideMasters/slideMaster1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E78F7E2-2283-A247-8B63-3805C8CFA7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7625" y="331200"/>
            <a:ext cx="11412000" cy="72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04FEFF-E4CC-6040-BDB6-B5A69A6D5EE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39443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0" name="Text Placeholder 39">
            <a:extLst>
              <a:ext uri="{FF2B5EF4-FFF2-40B4-BE49-F238E27FC236}">
                <a16:creationId xmlns:a16="http://schemas.microsoft.com/office/drawing/2014/main" id="{A4F96C2E-79C4-9D4C-BDE7-02790CCB42E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8800" y="1476000"/>
            <a:ext cx="11412000" cy="424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3494581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11" r:id="rId1"/>
    <p:sldLayoutId id="2147483912" r:id="rId2"/>
    <p:sldLayoutId id="2147483913" r:id="rId3"/>
    <p:sldLayoutId id="2147483914" r:id="rId4"/>
    <p:sldLayoutId id="2147483915" r:id="rId5"/>
    <p:sldLayoutId id="2147483916" r:id="rId6"/>
    <p:sldLayoutId id="2147483917" r:id="rId7"/>
    <p:sldLayoutId id="2147483918" r:id="rId8"/>
    <p:sldLayoutId id="2147483919" r:id="rId9"/>
    <p:sldLayoutId id="2147483920" r:id="rId10"/>
    <p:sldLayoutId id="2147483921" r:id="rId11"/>
    <p:sldLayoutId id="2147483922" r:id="rId12"/>
    <p:sldLayoutId id="2147483924" r:id="rId13"/>
    <p:sldLayoutId id="2147483925" r:id="rId14"/>
    <p:sldLayoutId id="2147483926" r:id="rId15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0" i="0" kern="1200" spc="-50" baseline="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1500"/>
        </a:spcAft>
        <a:buFont typeface="Arial" panose="020B0604020202020204" pitchFamily="34" charset="0"/>
        <a:buNone/>
        <a:defRPr sz="2000" kern="1200">
          <a:solidFill>
            <a:schemeClr val="tx2"/>
          </a:solidFill>
          <a:latin typeface="+mn-lt"/>
          <a:ea typeface="+mn-ea"/>
          <a:cs typeface="+mn-cs"/>
        </a:defRPr>
      </a:lvl1pPr>
      <a:lvl2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2pPr>
      <a:lvl3pPr marL="288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0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3pPr>
      <a:lvl4pPr marL="432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0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SzPct val="110000"/>
        <a:buFontTx/>
        <a:buNone/>
        <a:defRPr sz="20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5ACBF0"/>
          </p15:clr>
        </p15:guide>
        <p15:guide id="2" pos="3840">
          <p15:clr>
            <a:srgbClr val="5ACBF0"/>
          </p15:clr>
        </p15:guide>
        <p15:guide id="3" pos="240">
          <p15:clr>
            <a:srgbClr val="5ACBF0"/>
          </p15:clr>
        </p15:guide>
        <p15:guide id="4" pos="7434">
          <p15:clr>
            <a:srgbClr val="5ACBF0"/>
          </p15:clr>
        </p15:guide>
        <p15:guide id="5" orient="horz" pos="552">
          <p15:clr>
            <a:srgbClr val="5ACBF0"/>
          </p15:clr>
        </p15:guide>
        <p15:guide id="6" orient="horz" pos="252">
          <p15:clr>
            <a:srgbClr val="5ACBF0"/>
          </p15:clr>
        </p15:guide>
        <p15:guide id="7" orient="horz" pos="947">
          <p15:clr>
            <a:srgbClr val="5ACBF0"/>
          </p15:clr>
        </p15:guide>
        <p15:guide id="8" orient="horz" pos="3609">
          <p15:clr>
            <a:srgbClr val="5ACBF0"/>
          </p15:clr>
        </p15:guide>
        <p15:guide id="9" orient="horz" pos="4080">
          <p15:clr>
            <a:srgbClr val="5ACBF0"/>
          </p15:clr>
        </p15:guide>
        <p15:guide id="10" pos="3739">
          <p15:clr>
            <a:srgbClr val="F26B43"/>
          </p15:clr>
        </p15:guide>
        <p15:guide id="11" pos="3942">
          <p15:clr>
            <a:srgbClr val="F26B43"/>
          </p15:clr>
        </p15:guide>
      </p15:sldGuideLst>
    </p:ext>
  </p:extLst>
</p:sldMaster>
</file>

<file path=ppt/slideMasters/slideMaster1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E78F7E2-2283-A247-8B63-3805C8CFA7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7625" y="331200"/>
            <a:ext cx="11412000" cy="72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0A4FB3-FB49-8D44-86F6-F7456E929096}"/>
              </a:ext>
            </a:extLst>
          </p:cNvPr>
          <p:cNvSpPr>
            <a:spLocks noGrp="1"/>
          </p:cNvSpPr>
          <p:nvPr userDrawn="1">
            <p:ph type="dt" sz="half" idx="2"/>
          </p:nvPr>
        </p:nvSpPr>
        <p:spPr>
          <a:xfrm>
            <a:off x="-1947600" y="6285600"/>
            <a:ext cx="871122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F15767D-483D-F640-A089-B7F47050B858}"/>
              </a:ext>
            </a:extLst>
          </p:cNvPr>
          <p:cNvSpPr>
            <a:spLocks noGrp="1"/>
          </p:cNvSpPr>
          <p:nvPr userDrawn="1">
            <p:ph type="ftr" sz="quarter" idx="3"/>
          </p:nvPr>
        </p:nvSpPr>
        <p:spPr>
          <a:xfrm>
            <a:off x="-91747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04FEFF-E4CC-6040-BDB6-B5A69A6D5EE3}"/>
              </a:ext>
            </a:extLst>
          </p:cNvPr>
          <p:cNvSpPr>
            <a:spLocks noGrp="1"/>
          </p:cNvSpPr>
          <p:nvPr userDrawn="1">
            <p:ph type="sldNum" sz="quarter" idx="4"/>
          </p:nvPr>
        </p:nvSpPr>
        <p:spPr>
          <a:xfrm>
            <a:off x="39443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0" name="Text Placeholder 39">
            <a:extLst>
              <a:ext uri="{FF2B5EF4-FFF2-40B4-BE49-F238E27FC236}">
                <a16:creationId xmlns:a16="http://schemas.microsoft.com/office/drawing/2014/main" id="{A4F96C2E-79C4-9D4C-BDE7-02790CCB42E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8800" y="1476000"/>
            <a:ext cx="11412000" cy="424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pic>
        <p:nvPicPr>
          <p:cNvPr id="9" name="Picture 2"/>
          <p:cNvPicPr>
            <a:picLocks noChangeAspect="1" noChangeArrowheads="1"/>
          </p:cNvPicPr>
          <p:nvPr userDrawn="1"/>
        </p:nvPicPr>
        <p:blipFill>
          <a:blip r:embed="rId1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1976165" y="4621909"/>
            <a:ext cx="1916715" cy="5791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0" name="TextBox 9"/>
          <p:cNvSpPr txBox="1"/>
          <p:nvPr userDrawn="1"/>
        </p:nvSpPr>
        <p:spPr>
          <a:xfrm>
            <a:off x="-1980728" y="5221649"/>
            <a:ext cx="1916715" cy="1015663"/>
          </a:xfrm>
          <a:prstGeom prst="rect">
            <a:avLst/>
          </a:prstGeom>
          <a:solidFill>
            <a:schemeClr val="bg1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en-GB" sz="1000" b="1" dirty="0">
                <a:solidFill>
                  <a:srgbClr val="D22630"/>
                </a:solidFill>
                <a:latin typeface="+mn-lt"/>
              </a:rPr>
              <a:t>Note</a:t>
            </a:r>
            <a:r>
              <a:rPr lang="en-GB" sz="1000" dirty="0">
                <a:solidFill>
                  <a:srgbClr val="D22630"/>
                </a:solidFill>
                <a:latin typeface="+mn-lt"/>
              </a:rPr>
              <a:t>: </a:t>
            </a:r>
            <a:r>
              <a:rPr lang="en-GB" sz="1000" dirty="0">
                <a:latin typeface="+mn-lt"/>
              </a:rPr>
              <a:t>To change text styles, place text cursor in text and choose to promote or demote level with one of</a:t>
            </a:r>
            <a:br>
              <a:rPr lang="en-GB" sz="1000" dirty="0">
                <a:latin typeface="+mn-lt"/>
              </a:rPr>
            </a:br>
            <a:r>
              <a:rPr lang="en-GB" sz="1000" dirty="0">
                <a:latin typeface="+mn-lt"/>
              </a:rPr>
              <a:t>the indicated buttons.</a:t>
            </a:r>
          </a:p>
          <a:p>
            <a:r>
              <a:rPr lang="en-GB" sz="1000" dirty="0">
                <a:latin typeface="+mn-lt"/>
              </a:rPr>
              <a:t>(located on the HOME tab)</a:t>
            </a:r>
          </a:p>
        </p:txBody>
      </p:sp>
    </p:spTree>
    <p:extLst>
      <p:ext uri="{BB962C8B-B14F-4D97-AF65-F5344CB8AC3E}">
        <p14:creationId xmlns:p14="http://schemas.microsoft.com/office/powerpoint/2010/main" val="16451024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28" r:id="rId1"/>
    <p:sldLayoutId id="2147483929" r:id="rId2"/>
    <p:sldLayoutId id="2147483930" r:id="rId3"/>
    <p:sldLayoutId id="2147483931" r:id="rId4"/>
    <p:sldLayoutId id="2147483932" r:id="rId5"/>
    <p:sldLayoutId id="2147483933" r:id="rId6"/>
    <p:sldLayoutId id="2147483934" r:id="rId7"/>
    <p:sldLayoutId id="2147483935" r:id="rId8"/>
    <p:sldLayoutId id="2147483936" r:id="rId9"/>
    <p:sldLayoutId id="2147483937" r:id="rId10"/>
    <p:sldLayoutId id="2147483938" r:id="rId11"/>
    <p:sldLayoutId id="2147483939" r:id="rId12"/>
    <p:sldLayoutId id="2147483940" r:id="rId13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0" i="0" kern="1200" spc="-50" baseline="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1500"/>
        </a:spcAft>
        <a:buFont typeface="Arial" panose="020B0604020202020204" pitchFamily="34" charset="0"/>
        <a:buNone/>
        <a:defRPr sz="2800" kern="1200">
          <a:solidFill>
            <a:schemeClr val="tx2"/>
          </a:solidFill>
          <a:latin typeface="+mn-lt"/>
          <a:ea typeface="+mn-ea"/>
          <a:cs typeface="+mn-cs"/>
        </a:defRPr>
      </a:lvl1pPr>
      <a:lvl2pPr marL="216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2pPr>
      <a:lvl3pPr marL="432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3pPr>
      <a:lvl4pPr marL="648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SzPct val="110000"/>
        <a:buFontTx/>
        <a:buNone/>
        <a:defRPr sz="28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5ACBF0"/>
          </p15:clr>
        </p15:guide>
        <p15:guide id="2" pos="3840">
          <p15:clr>
            <a:srgbClr val="5ACBF0"/>
          </p15:clr>
        </p15:guide>
        <p15:guide id="3" pos="240">
          <p15:clr>
            <a:srgbClr val="5ACBF0"/>
          </p15:clr>
        </p15:guide>
        <p15:guide id="4" pos="7434">
          <p15:clr>
            <a:srgbClr val="5ACBF0"/>
          </p15:clr>
        </p15:guide>
        <p15:guide id="5" orient="horz" pos="552">
          <p15:clr>
            <a:srgbClr val="5ACBF0"/>
          </p15:clr>
        </p15:guide>
        <p15:guide id="6" orient="horz" pos="252">
          <p15:clr>
            <a:srgbClr val="5ACBF0"/>
          </p15:clr>
        </p15:guide>
        <p15:guide id="7" orient="horz" pos="947">
          <p15:clr>
            <a:srgbClr val="5ACBF0"/>
          </p15:clr>
        </p15:guide>
        <p15:guide id="8" orient="horz" pos="3609">
          <p15:clr>
            <a:srgbClr val="5ACBF0"/>
          </p15:clr>
        </p15:guide>
        <p15:guide id="9" orient="horz" pos="4080">
          <p15:clr>
            <a:srgbClr val="5ACBF0"/>
          </p15:clr>
        </p15:guide>
        <p15:guide id="10" pos="3739">
          <p15:clr>
            <a:srgbClr val="F26B43"/>
          </p15:clr>
        </p15:guide>
        <p15:guide id="11" pos="3942">
          <p15:clr>
            <a:srgbClr val="F26B43"/>
          </p15:clr>
        </p15:guide>
      </p15:sldGuideLst>
    </p:ext>
  </p:extLst>
</p:sldMaster>
</file>

<file path=ppt/slideMasters/slideMaster1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E78F7E2-2283-A247-8B63-3805C8CFA7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7625" y="331200"/>
            <a:ext cx="11412000" cy="72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0A4FB3-FB49-8D44-86F6-F7456E929096}"/>
              </a:ext>
            </a:extLst>
          </p:cNvPr>
          <p:cNvSpPr>
            <a:spLocks noGrp="1"/>
          </p:cNvSpPr>
          <p:nvPr userDrawn="1">
            <p:ph type="dt" sz="half" idx="2"/>
          </p:nvPr>
        </p:nvSpPr>
        <p:spPr>
          <a:xfrm>
            <a:off x="-1947600" y="6285600"/>
            <a:ext cx="871122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4662E3C5-6C5C-B64A-8608-EE5898873FAE}" type="datetimeFigureOut">
              <a:rPr lang="en-US" smtClean="0"/>
              <a:pPr/>
              <a:t>5/18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F15767D-483D-F640-A089-B7F47050B858}"/>
              </a:ext>
            </a:extLst>
          </p:cNvPr>
          <p:cNvSpPr>
            <a:spLocks noGrp="1"/>
          </p:cNvSpPr>
          <p:nvPr userDrawn="1">
            <p:ph type="ftr" sz="quarter" idx="3"/>
          </p:nvPr>
        </p:nvSpPr>
        <p:spPr>
          <a:xfrm>
            <a:off x="-91747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04FEFF-E4CC-6040-BDB6-B5A69A6D5EE3}"/>
              </a:ext>
            </a:extLst>
          </p:cNvPr>
          <p:cNvSpPr>
            <a:spLocks noGrp="1"/>
          </p:cNvSpPr>
          <p:nvPr userDrawn="1">
            <p:ph type="sldNum" sz="quarter" idx="4"/>
          </p:nvPr>
        </p:nvSpPr>
        <p:spPr>
          <a:xfrm>
            <a:off x="39443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0" name="Text Placeholder 39">
            <a:extLst>
              <a:ext uri="{FF2B5EF4-FFF2-40B4-BE49-F238E27FC236}">
                <a16:creationId xmlns:a16="http://schemas.microsoft.com/office/drawing/2014/main" id="{A4F96C2E-79C4-9D4C-BDE7-02790CCB42E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8800" y="1476000"/>
            <a:ext cx="11412000" cy="424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pic>
        <p:nvPicPr>
          <p:cNvPr id="9" name="Picture 2"/>
          <p:cNvPicPr>
            <a:picLocks noChangeAspect="1" noChangeArrowheads="1"/>
          </p:cNvPicPr>
          <p:nvPr userDrawn="1"/>
        </p:nvPicPr>
        <p:blipFill>
          <a:blip r:embed="rId11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1976165" y="4621909"/>
            <a:ext cx="1916715" cy="5791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0" name="TextBox 9"/>
          <p:cNvSpPr txBox="1"/>
          <p:nvPr userDrawn="1"/>
        </p:nvSpPr>
        <p:spPr>
          <a:xfrm>
            <a:off x="-1980728" y="5221649"/>
            <a:ext cx="1916715" cy="1015663"/>
          </a:xfrm>
          <a:prstGeom prst="rect">
            <a:avLst/>
          </a:prstGeom>
          <a:solidFill>
            <a:schemeClr val="bg1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en-GB" sz="1000" b="1" dirty="0">
                <a:solidFill>
                  <a:srgbClr val="D22630"/>
                </a:solidFill>
                <a:latin typeface="+mn-lt"/>
              </a:rPr>
              <a:t>Note</a:t>
            </a:r>
            <a:r>
              <a:rPr lang="en-GB" sz="1000" dirty="0">
                <a:solidFill>
                  <a:srgbClr val="D22630"/>
                </a:solidFill>
                <a:latin typeface="+mn-lt"/>
              </a:rPr>
              <a:t>: </a:t>
            </a:r>
            <a:r>
              <a:rPr lang="en-GB" sz="1000" dirty="0">
                <a:latin typeface="+mn-lt"/>
              </a:rPr>
              <a:t>To change text styles, place text cursor in text and choose to promote or demote level with one of</a:t>
            </a:r>
            <a:br>
              <a:rPr lang="en-GB" sz="1000" dirty="0">
                <a:latin typeface="+mn-lt"/>
              </a:rPr>
            </a:br>
            <a:r>
              <a:rPr lang="en-GB" sz="1000" dirty="0">
                <a:latin typeface="+mn-lt"/>
              </a:rPr>
              <a:t>the indicated buttons.</a:t>
            </a:r>
          </a:p>
          <a:p>
            <a:r>
              <a:rPr lang="en-GB" sz="1000" dirty="0">
                <a:latin typeface="+mn-lt"/>
              </a:rPr>
              <a:t>(located on the HOME tab)</a:t>
            </a:r>
          </a:p>
        </p:txBody>
      </p:sp>
    </p:spTree>
    <p:extLst>
      <p:ext uri="{BB962C8B-B14F-4D97-AF65-F5344CB8AC3E}">
        <p14:creationId xmlns:p14="http://schemas.microsoft.com/office/powerpoint/2010/main" val="280393166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42" r:id="rId1"/>
    <p:sldLayoutId id="2147483943" r:id="rId2"/>
    <p:sldLayoutId id="2147483944" r:id="rId3"/>
    <p:sldLayoutId id="2147483945" r:id="rId4"/>
    <p:sldLayoutId id="2147483946" r:id="rId5"/>
    <p:sldLayoutId id="2147483947" r:id="rId6"/>
    <p:sldLayoutId id="2147483948" r:id="rId7"/>
    <p:sldLayoutId id="2147483949" r:id="rId8"/>
    <p:sldLayoutId id="2147483950" r:id="rId9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0" i="0" kern="1200" spc="-50" baseline="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1500"/>
        </a:spcAft>
        <a:buFont typeface="Arial" panose="020B0604020202020204" pitchFamily="34" charset="0"/>
        <a:buNone/>
        <a:defRPr sz="2800" kern="1200">
          <a:solidFill>
            <a:schemeClr val="tx2"/>
          </a:solidFill>
          <a:latin typeface="+mn-lt"/>
          <a:ea typeface="+mn-ea"/>
          <a:cs typeface="+mn-cs"/>
        </a:defRPr>
      </a:lvl1pPr>
      <a:lvl2pPr marL="216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2pPr>
      <a:lvl3pPr marL="432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3pPr>
      <a:lvl4pPr marL="648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SzPct val="110000"/>
        <a:buFontTx/>
        <a:buNone/>
        <a:defRPr sz="28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5ACBF0"/>
          </p15:clr>
        </p15:guide>
        <p15:guide id="2" pos="3840">
          <p15:clr>
            <a:srgbClr val="5ACBF0"/>
          </p15:clr>
        </p15:guide>
        <p15:guide id="3" pos="240">
          <p15:clr>
            <a:srgbClr val="5ACBF0"/>
          </p15:clr>
        </p15:guide>
        <p15:guide id="4" pos="7434">
          <p15:clr>
            <a:srgbClr val="5ACBF0"/>
          </p15:clr>
        </p15:guide>
        <p15:guide id="5" orient="horz" pos="552">
          <p15:clr>
            <a:srgbClr val="5ACBF0"/>
          </p15:clr>
        </p15:guide>
        <p15:guide id="6" orient="horz" pos="252">
          <p15:clr>
            <a:srgbClr val="5ACBF0"/>
          </p15:clr>
        </p15:guide>
        <p15:guide id="7" orient="horz" pos="947">
          <p15:clr>
            <a:srgbClr val="5ACBF0"/>
          </p15:clr>
        </p15:guide>
        <p15:guide id="8" orient="horz" pos="3609">
          <p15:clr>
            <a:srgbClr val="5ACBF0"/>
          </p15:clr>
        </p15:guide>
        <p15:guide id="9" orient="horz" pos="4080">
          <p15:clr>
            <a:srgbClr val="5ACBF0"/>
          </p15:clr>
        </p15:guide>
        <p15:guide id="10" pos="3739">
          <p15:clr>
            <a:srgbClr val="F26B43"/>
          </p15:clr>
        </p15:guide>
        <p15:guide id="11" pos="3942">
          <p15:clr>
            <a:srgbClr val="F26B43"/>
          </p15:clr>
        </p15:guide>
      </p15:sldGuideLst>
    </p:ext>
  </p:extLst>
</p:sldMaster>
</file>

<file path=ppt/slideMasters/slideMaster19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E78F7E2-2283-A247-8B63-3805C8CFA7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7625" y="331200"/>
            <a:ext cx="11412000" cy="72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0A4FB3-FB49-8D44-86F6-F7456E929096}"/>
              </a:ext>
            </a:extLst>
          </p:cNvPr>
          <p:cNvSpPr>
            <a:spLocks noGrp="1"/>
          </p:cNvSpPr>
          <p:nvPr userDrawn="1">
            <p:ph type="dt" sz="half" idx="2"/>
          </p:nvPr>
        </p:nvSpPr>
        <p:spPr>
          <a:xfrm>
            <a:off x="-1947600" y="6285600"/>
            <a:ext cx="871122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26F8CF18-3E76-4F3C-85A8-12BB95E18B14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F15767D-483D-F640-A089-B7F47050B858}"/>
              </a:ext>
            </a:extLst>
          </p:cNvPr>
          <p:cNvSpPr>
            <a:spLocks noGrp="1"/>
          </p:cNvSpPr>
          <p:nvPr userDrawn="1">
            <p:ph type="ftr" sz="quarter" idx="3"/>
          </p:nvPr>
        </p:nvSpPr>
        <p:spPr>
          <a:xfrm>
            <a:off x="-91747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04FEFF-E4CC-6040-BDB6-B5A69A6D5EE3}"/>
              </a:ext>
            </a:extLst>
          </p:cNvPr>
          <p:cNvSpPr>
            <a:spLocks noGrp="1"/>
          </p:cNvSpPr>
          <p:nvPr userDrawn="1">
            <p:ph type="sldNum" sz="quarter" idx="4"/>
          </p:nvPr>
        </p:nvSpPr>
        <p:spPr>
          <a:xfrm>
            <a:off x="39443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0" name="Text Placeholder 39">
            <a:extLst>
              <a:ext uri="{FF2B5EF4-FFF2-40B4-BE49-F238E27FC236}">
                <a16:creationId xmlns:a16="http://schemas.microsoft.com/office/drawing/2014/main" id="{A4F96C2E-79C4-9D4C-BDE7-02790CCB42E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8800" y="1476000"/>
            <a:ext cx="11412000" cy="424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pic>
        <p:nvPicPr>
          <p:cNvPr id="9" name="Picture 2"/>
          <p:cNvPicPr>
            <a:picLocks noChangeAspect="1" noChangeArrowheads="1"/>
          </p:cNvPicPr>
          <p:nvPr userDrawn="1"/>
        </p:nvPicPr>
        <p:blipFill>
          <a:blip r:embed="rId1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1976165" y="4621909"/>
            <a:ext cx="1916715" cy="5791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0" name="TextBox 9"/>
          <p:cNvSpPr txBox="1"/>
          <p:nvPr userDrawn="1"/>
        </p:nvSpPr>
        <p:spPr>
          <a:xfrm>
            <a:off x="-1980728" y="5221649"/>
            <a:ext cx="1916715" cy="1015663"/>
          </a:xfrm>
          <a:prstGeom prst="rect">
            <a:avLst/>
          </a:prstGeom>
          <a:solidFill>
            <a:schemeClr val="bg1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en-GB" sz="1000" b="1" dirty="0">
                <a:solidFill>
                  <a:srgbClr val="D22630"/>
                </a:solidFill>
                <a:latin typeface="+mn-lt"/>
              </a:rPr>
              <a:t>Note</a:t>
            </a:r>
            <a:r>
              <a:rPr lang="en-GB" sz="1000" dirty="0">
                <a:solidFill>
                  <a:srgbClr val="D22630"/>
                </a:solidFill>
                <a:latin typeface="+mn-lt"/>
              </a:rPr>
              <a:t>: </a:t>
            </a:r>
            <a:r>
              <a:rPr lang="en-GB" sz="1000" dirty="0">
                <a:latin typeface="+mn-lt"/>
              </a:rPr>
              <a:t>To change text styles, place text cursor in text and choose to promote or demote level with one of</a:t>
            </a:r>
            <a:br>
              <a:rPr lang="en-GB" sz="1000" dirty="0">
                <a:latin typeface="+mn-lt"/>
              </a:rPr>
            </a:br>
            <a:r>
              <a:rPr lang="en-GB" sz="1000" dirty="0">
                <a:latin typeface="+mn-lt"/>
              </a:rPr>
              <a:t>the indicated buttons.</a:t>
            </a:r>
          </a:p>
          <a:p>
            <a:r>
              <a:rPr lang="en-GB" sz="1000" dirty="0">
                <a:latin typeface="+mn-lt"/>
              </a:rPr>
              <a:t>(located on the HOME tab)</a:t>
            </a:r>
          </a:p>
        </p:txBody>
      </p:sp>
    </p:spTree>
    <p:extLst>
      <p:ext uri="{BB962C8B-B14F-4D97-AF65-F5344CB8AC3E}">
        <p14:creationId xmlns:p14="http://schemas.microsoft.com/office/powerpoint/2010/main" val="236552318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54" r:id="rId1"/>
    <p:sldLayoutId id="2147483955" r:id="rId2"/>
    <p:sldLayoutId id="2147483956" r:id="rId3"/>
    <p:sldLayoutId id="2147483957" r:id="rId4"/>
    <p:sldLayoutId id="2147483958" r:id="rId5"/>
    <p:sldLayoutId id="2147483959" r:id="rId6"/>
    <p:sldLayoutId id="2147483960" r:id="rId7"/>
    <p:sldLayoutId id="2147483961" r:id="rId8"/>
    <p:sldLayoutId id="2147483962" r:id="rId9"/>
    <p:sldLayoutId id="2147483963" r:id="rId10"/>
    <p:sldLayoutId id="2147483964" r:id="rId11"/>
    <p:sldLayoutId id="2147483965" r:id="rId12"/>
    <p:sldLayoutId id="2147483966" r:id="rId13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0" i="0" kern="1200" spc="-50" baseline="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1500"/>
        </a:spcAft>
        <a:buFont typeface="Arial" panose="020B0604020202020204" pitchFamily="34" charset="0"/>
        <a:buNone/>
        <a:defRPr sz="2800" kern="1200">
          <a:solidFill>
            <a:schemeClr val="tx2"/>
          </a:solidFill>
          <a:latin typeface="+mn-lt"/>
          <a:ea typeface="+mn-ea"/>
          <a:cs typeface="+mn-cs"/>
        </a:defRPr>
      </a:lvl1pPr>
      <a:lvl2pPr marL="216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2pPr>
      <a:lvl3pPr marL="432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3pPr>
      <a:lvl4pPr marL="648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SzPct val="110000"/>
        <a:buFontTx/>
        <a:buNone/>
        <a:defRPr sz="28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5ACBF0"/>
          </p15:clr>
        </p15:guide>
        <p15:guide id="2" pos="3840">
          <p15:clr>
            <a:srgbClr val="5ACBF0"/>
          </p15:clr>
        </p15:guide>
        <p15:guide id="3" pos="240">
          <p15:clr>
            <a:srgbClr val="5ACBF0"/>
          </p15:clr>
        </p15:guide>
        <p15:guide id="4" pos="7434">
          <p15:clr>
            <a:srgbClr val="5ACBF0"/>
          </p15:clr>
        </p15:guide>
        <p15:guide id="5" orient="horz" pos="552">
          <p15:clr>
            <a:srgbClr val="5ACBF0"/>
          </p15:clr>
        </p15:guide>
        <p15:guide id="6" orient="horz" pos="252">
          <p15:clr>
            <a:srgbClr val="5ACBF0"/>
          </p15:clr>
        </p15:guide>
        <p15:guide id="7" orient="horz" pos="947">
          <p15:clr>
            <a:srgbClr val="5ACBF0"/>
          </p15:clr>
        </p15:guide>
        <p15:guide id="8" orient="horz" pos="3609">
          <p15:clr>
            <a:srgbClr val="5ACBF0"/>
          </p15:clr>
        </p15:guide>
        <p15:guide id="9" orient="horz" pos="4080">
          <p15:clr>
            <a:srgbClr val="5ACBF0"/>
          </p15:clr>
        </p15:guide>
        <p15:guide id="10" pos="3739">
          <p15:clr>
            <a:srgbClr val="F26B43"/>
          </p15:clr>
        </p15:guide>
        <p15:guide id="11" pos="3942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E78F7E2-2283-A247-8B63-3805C8CFA7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7625" y="331200"/>
            <a:ext cx="11412000" cy="72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0A4FB3-FB49-8D44-86F6-F7456E92909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-1947600" y="6285600"/>
            <a:ext cx="871122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B4E992B0-1C9A-41F1-8779-5C6BFA24DEB3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F15767D-483D-F640-A089-B7F47050B85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-91747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04FEFF-E4CC-6040-BDB6-B5A69A6D5EE3}"/>
              </a:ext>
            </a:extLst>
          </p:cNvPr>
          <p:cNvSpPr>
            <a:spLocks noGrp="1"/>
          </p:cNvSpPr>
          <p:nvPr userDrawn="1">
            <p:ph type="sldNum" sz="quarter" idx="4"/>
          </p:nvPr>
        </p:nvSpPr>
        <p:spPr>
          <a:xfrm>
            <a:off x="39443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0" name="Text Placeholder 39">
            <a:extLst>
              <a:ext uri="{FF2B5EF4-FFF2-40B4-BE49-F238E27FC236}">
                <a16:creationId xmlns:a16="http://schemas.microsoft.com/office/drawing/2014/main" id="{A4F96C2E-79C4-9D4C-BDE7-02790CCB42E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8800" y="1476000"/>
            <a:ext cx="11412000" cy="424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pic>
        <p:nvPicPr>
          <p:cNvPr id="11" name="Picture 2"/>
          <p:cNvPicPr>
            <a:picLocks noChangeAspect="1" noChangeArrowheads="1"/>
          </p:cNvPicPr>
          <p:nvPr userDrawn="1"/>
        </p:nvPicPr>
        <p:blipFill>
          <a:blip r:embed="rId1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1976165" y="4621909"/>
            <a:ext cx="1916715" cy="5791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2" name="TextBox 11"/>
          <p:cNvSpPr txBox="1"/>
          <p:nvPr userDrawn="1"/>
        </p:nvSpPr>
        <p:spPr>
          <a:xfrm>
            <a:off x="-1980728" y="5221649"/>
            <a:ext cx="1916715" cy="1015663"/>
          </a:xfrm>
          <a:prstGeom prst="rect">
            <a:avLst/>
          </a:prstGeom>
          <a:solidFill>
            <a:schemeClr val="bg1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en-GB" sz="1000" b="1" dirty="0">
                <a:solidFill>
                  <a:srgbClr val="D22630"/>
                </a:solidFill>
                <a:latin typeface="+mn-lt"/>
              </a:rPr>
              <a:t>Note</a:t>
            </a:r>
            <a:r>
              <a:rPr lang="en-GB" sz="1000" dirty="0">
                <a:solidFill>
                  <a:srgbClr val="D22630"/>
                </a:solidFill>
                <a:latin typeface="+mn-lt"/>
              </a:rPr>
              <a:t>: </a:t>
            </a:r>
            <a:r>
              <a:rPr lang="en-GB" sz="1000" dirty="0">
                <a:latin typeface="+mn-lt"/>
              </a:rPr>
              <a:t>To change text styles, place text cursor in text and choose to promote or demote level with one of</a:t>
            </a:r>
            <a:br>
              <a:rPr lang="en-GB" sz="1000" dirty="0">
                <a:latin typeface="+mn-lt"/>
              </a:rPr>
            </a:br>
            <a:r>
              <a:rPr lang="en-GB" sz="1000" dirty="0">
                <a:latin typeface="+mn-lt"/>
              </a:rPr>
              <a:t>the indicated buttons.</a:t>
            </a:r>
          </a:p>
          <a:p>
            <a:r>
              <a:rPr lang="en-GB" sz="1000" dirty="0">
                <a:latin typeface="+mn-lt"/>
              </a:rPr>
              <a:t>(located on the HOME tab)</a:t>
            </a:r>
          </a:p>
        </p:txBody>
      </p:sp>
    </p:spTree>
    <p:extLst>
      <p:ext uri="{BB962C8B-B14F-4D97-AF65-F5344CB8AC3E}">
        <p14:creationId xmlns:p14="http://schemas.microsoft.com/office/powerpoint/2010/main" val="264829039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8" r:id="rId1"/>
    <p:sldLayoutId id="2147483739" r:id="rId2"/>
    <p:sldLayoutId id="2147483740" r:id="rId3"/>
    <p:sldLayoutId id="2147483749" r:id="rId4"/>
    <p:sldLayoutId id="2147483741" r:id="rId5"/>
    <p:sldLayoutId id="2147483989" r:id="rId6"/>
    <p:sldLayoutId id="2147483990" r:id="rId7"/>
    <p:sldLayoutId id="2147483991" r:id="rId8"/>
    <p:sldLayoutId id="2147483992" r:id="rId9"/>
    <p:sldLayoutId id="2147483993" r:id="rId10"/>
    <p:sldLayoutId id="2147483994" r:id="rId11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0" i="0" kern="1200" spc="-50" baseline="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1500"/>
        </a:spcAft>
        <a:buFont typeface="Arial" panose="020B0604020202020204" pitchFamily="34" charset="0"/>
        <a:buNone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216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2pPr>
      <a:lvl3pPr marL="432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3pPr>
      <a:lvl4pPr marL="648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Tx/>
        <a:buNone/>
        <a:defRPr sz="28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5ACBF0"/>
          </p15:clr>
        </p15:guide>
        <p15:guide id="2" pos="3840">
          <p15:clr>
            <a:srgbClr val="5ACBF0"/>
          </p15:clr>
        </p15:guide>
        <p15:guide id="3" pos="240">
          <p15:clr>
            <a:srgbClr val="5ACBF0"/>
          </p15:clr>
        </p15:guide>
        <p15:guide id="4" pos="7434">
          <p15:clr>
            <a:srgbClr val="5ACBF0"/>
          </p15:clr>
        </p15:guide>
        <p15:guide id="5" orient="horz" pos="552">
          <p15:clr>
            <a:srgbClr val="5ACBF0"/>
          </p15:clr>
        </p15:guide>
        <p15:guide id="6" orient="horz" pos="252">
          <p15:clr>
            <a:srgbClr val="5ACBF0"/>
          </p15:clr>
        </p15:guide>
        <p15:guide id="7" orient="horz" pos="947" userDrawn="1">
          <p15:clr>
            <a:srgbClr val="5ACBF0"/>
          </p15:clr>
        </p15:guide>
        <p15:guide id="8" orient="horz" pos="3609">
          <p15:clr>
            <a:srgbClr val="5ACBF0"/>
          </p15:clr>
        </p15:guide>
        <p15:guide id="9" orient="horz" pos="4080">
          <p15:clr>
            <a:srgbClr val="5ACBF0"/>
          </p15:clr>
        </p15:guide>
        <p15:guide id="10" pos="3739">
          <p15:clr>
            <a:srgbClr val="F26B43"/>
          </p15:clr>
        </p15:guide>
        <p15:guide id="11" pos="3942">
          <p15:clr>
            <a:srgbClr val="F26B43"/>
          </p15:clr>
        </p15:guide>
      </p15:sldGuideLst>
    </p:ext>
  </p:extLst>
</p:sldMaster>
</file>

<file path=ppt/slideMasters/slideMaster20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E78F7E2-2283-A247-8B63-3805C8CFA7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7625" y="331200"/>
            <a:ext cx="11412000" cy="72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0A4FB3-FB49-8D44-86F6-F7456E92909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-1947600" y="6285600"/>
            <a:ext cx="871122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B85A9A95-0068-41B9-825B-32543988677B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F15767D-483D-F640-A089-B7F47050B85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-91747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04FEFF-E4CC-6040-BDB6-B5A69A6D5EE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39443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0" name="Text Placeholder 39">
            <a:extLst>
              <a:ext uri="{FF2B5EF4-FFF2-40B4-BE49-F238E27FC236}">
                <a16:creationId xmlns:a16="http://schemas.microsoft.com/office/drawing/2014/main" id="{A4F96C2E-79C4-9D4C-BDE7-02790CCB42E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8800" y="1476000"/>
            <a:ext cx="11412000" cy="424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pic>
        <p:nvPicPr>
          <p:cNvPr id="9" name="Picture 2"/>
          <p:cNvPicPr>
            <a:picLocks noChangeAspect="1" noChangeArrowheads="1"/>
          </p:cNvPicPr>
          <p:nvPr/>
        </p:nvPicPr>
        <p:blipFill>
          <a:blip r:embed="rId1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1976165" y="4621909"/>
            <a:ext cx="1916715" cy="5791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0" name="TextBox 9"/>
          <p:cNvSpPr txBox="1"/>
          <p:nvPr/>
        </p:nvSpPr>
        <p:spPr>
          <a:xfrm>
            <a:off x="-1980728" y="5221649"/>
            <a:ext cx="1916715" cy="1015663"/>
          </a:xfrm>
          <a:prstGeom prst="rect">
            <a:avLst/>
          </a:prstGeom>
          <a:solidFill>
            <a:schemeClr val="bg1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en-GB" sz="1000" b="1" dirty="0">
                <a:solidFill>
                  <a:srgbClr val="D22630"/>
                </a:solidFill>
                <a:latin typeface="+mn-lt"/>
              </a:rPr>
              <a:t>Note</a:t>
            </a:r>
            <a:r>
              <a:rPr lang="en-GB" sz="1000" dirty="0">
                <a:solidFill>
                  <a:srgbClr val="D22630"/>
                </a:solidFill>
                <a:latin typeface="+mn-lt"/>
              </a:rPr>
              <a:t>: </a:t>
            </a:r>
            <a:r>
              <a:rPr lang="en-GB" sz="1000" dirty="0">
                <a:latin typeface="+mn-lt"/>
              </a:rPr>
              <a:t>To change text styles, place text cursor in text and choose to promote or demote level with one of</a:t>
            </a:r>
            <a:br>
              <a:rPr lang="en-GB" sz="1000" dirty="0">
                <a:latin typeface="+mn-lt"/>
              </a:rPr>
            </a:br>
            <a:r>
              <a:rPr lang="en-GB" sz="1000" dirty="0">
                <a:latin typeface="+mn-lt"/>
              </a:rPr>
              <a:t>the indicated buttons.</a:t>
            </a:r>
          </a:p>
          <a:p>
            <a:r>
              <a:rPr lang="en-GB" sz="1000" dirty="0">
                <a:latin typeface="+mn-lt"/>
              </a:rPr>
              <a:t>(located on the HOME tab)</a:t>
            </a:r>
          </a:p>
        </p:txBody>
      </p:sp>
    </p:spTree>
    <p:extLst>
      <p:ext uri="{BB962C8B-B14F-4D97-AF65-F5344CB8AC3E}">
        <p14:creationId xmlns:p14="http://schemas.microsoft.com/office/powerpoint/2010/main" val="356830739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76" r:id="rId1"/>
    <p:sldLayoutId id="2147483977" r:id="rId2"/>
    <p:sldLayoutId id="2147483978" r:id="rId3"/>
    <p:sldLayoutId id="2147483979" r:id="rId4"/>
    <p:sldLayoutId id="2147483980" r:id="rId5"/>
    <p:sldLayoutId id="2147483981" r:id="rId6"/>
    <p:sldLayoutId id="2147483982" r:id="rId7"/>
    <p:sldLayoutId id="2147483983" r:id="rId8"/>
    <p:sldLayoutId id="2147483984" r:id="rId9"/>
    <p:sldLayoutId id="2147483985" r:id="rId10"/>
    <p:sldLayoutId id="2147483986" r:id="rId11"/>
    <p:sldLayoutId id="2147483988" r:id="rId12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0" i="0" kern="1200" spc="-50" baseline="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1500"/>
        </a:spcAft>
        <a:buFont typeface="Arial" panose="020B0604020202020204" pitchFamily="34" charset="0"/>
        <a:buNone/>
        <a:defRPr sz="2000" kern="1200">
          <a:solidFill>
            <a:schemeClr val="tx2"/>
          </a:solidFill>
          <a:latin typeface="+mn-lt"/>
          <a:ea typeface="+mn-ea"/>
          <a:cs typeface="+mn-cs"/>
        </a:defRPr>
      </a:lvl1pPr>
      <a:lvl2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2pPr>
      <a:lvl3pPr marL="288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0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3pPr>
      <a:lvl4pPr marL="432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0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SzPct val="110000"/>
        <a:buFontTx/>
        <a:buNone/>
        <a:defRPr sz="20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5ACBF0"/>
          </p15:clr>
        </p15:guide>
        <p15:guide id="2" pos="3840">
          <p15:clr>
            <a:srgbClr val="5ACBF0"/>
          </p15:clr>
        </p15:guide>
        <p15:guide id="3" pos="240">
          <p15:clr>
            <a:srgbClr val="5ACBF0"/>
          </p15:clr>
        </p15:guide>
        <p15:guide id="4" pos="7434">
          <p15:clr>
            <a:srgbClr val="5ACBF0"/>
          </p15:clr>
        </p15:guide>
        <p15:guide id="5" orient="horz" pos="552">
          <p15:clr>
            <a:srgbClr val="5ACBF0"/>
          </p15:clr>
        </p15:guide>
        <p15:guide id="6" orient="horz" pos="252">
          <p15:clr>
            <a:srgbClr val="5ACBF0"/>
          </p15:clr>
        </p15:guide>
        <p15:guide id="7" orient="horz" pos="947">
          <p15:clr>
            <a:srgbClr val="5ACBF0"/>
          </p15:clr>
        </p15:guide>
        <p15:guide id="8" orient="horz" pos="3609">
          <p15:clr>
            <a:srgbClr val="5ACBF0"/>
          </p15:clr>
        </p15:guide>
        <p15:guide id="9" orient="horz" pos="4080">
          <p15:clr>
            <a:srgbClr val="5ACBF0"/>
          </p15:clr>
        </p15:guide>
        <p15:guide id="10" pos="3739">
          <p15:clr>
            <a:srgbClr val="F26B43"/>
          </p15:clr>
        </p15:guide>
        <p15:guide id="11" pos="3942">
          <p15:clr>
            <a:srgbClr val="F26B43"/>
          </p15:clr>
        </p15:guide>
      </p15:sldGuideLst>
    </p:ext>
  </p:extLst>
</p:sldMaster>
</file>

<file path=ppt/slideMasters/slideMaster2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71DE7C4-EADF-49A5-94C9-295DA7102A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015A1F1-8128-4C7E-90C2-0A9DA95A353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0999" y="1485900"/>
            <a:ext cx="11429325" cy="4267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B5D38B6-3878-4DD8-B8F9-92C491ABF8F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18 May 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7054503-8F56-486A-BEEB-415EA4A643B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C259C21-CE9A-4D3A-AB80-ABF8F4D8A7F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381000" y="6162324"/>
            <a:ext cx="45720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345820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96" r:id="rId1"/>
    <p:sldLayoutId id="2147483997" r:id="rId2"/>
    <p:sldLayoutId id="2147483998" r:id="rId3"/>
    <p:sldLayoutId id="2147483999" r:id="rId4"/>
    <p:sldLayoutId id="2147484000" r:id="rId5"/>
    <p:sldLayoutId id="2147484001" r:id="rId6"/>
  </p:sldLayoutIdLst>
  <p:transition>
    <p:fade/>
  </p:transition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None/>
        <a:defRPr sz="26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798513" indent="-228600" algn="l" defTabSz="914400" rtl="0" eaLnBrk="1" latinLnBrk="0" hangingPunct="1">
        <a:lnSpc>
          <a:spcPct val="90000"/>
        </a:lnSpc>
        <a:spcBef>
          <a:spcPts val="500"/>
        </a:spcBef>
        <a:buFont typeface="Aktiv Grotesk Medium" panose="020B0504020202020204" pitchFamily="34" charset="0"/>
        <a:buChar char="–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201738" indent="-228600" algn="l" defTabSz="914400" rtl="0" eaLnBrk="1" latinLnBrk="0" hangingPunct="1">
        <a:lnSpc>
          <a:spcPct val="90000"/>
        </a:lnSpc>
        <a:spcBef>
          <a:spcPts val="500"/>
        </a:spcBef>
        <a:buFont typeface="Aktiv Grotesk Medium" panose="020B0504020202020204" pitchFamily="34" charset="0"/>
        <a:buChar char="▪"/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6pPr>
      <a:lvl7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7pPr>
      <a:lvl8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8pPr>
      <a:lvl9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F26B43"/>
          </p15:clr>
        </p15:guide>
        <p15:guide id="2" pos="3840">
          <p15:clr>
            <a:srgbClr val="F26B43"/>
          </p15:clr>
        </p15:guide>
        <p15:guide id="3" orient="horz" pos="240">
          <p15:clr>
            <a:srgbClr val="5ACBF0"/>
          </p15:clr>
        </p15:guide>
        <p15:guide id="4" pos="240">
          <p15:clr>
            <a:srgbClr val="5ACBF0"/>
          </p15:clr>
        </p15:guide>
        <p15:guide id="5" pos="7440">
          <p15:clr>
            <a:srgbClr val="5ACBF0"/>
          </p15:clr>
        </p15:guide>
        <p15:guide id="6" pos="3720">
          <p15:clr>
            <a:srgbClr val="5ACBF0"/>
          </p15:clr>
        </p15:guide>
        <p15:guide id="7" pos="3960">
          <p15:clr>
            <a:srgbClr val="5ACBF0"/>
          </p15:clr>
        </p15:guide>
        <p15:guide id="8" orient="horz" pos="528">
          <p15:clr>
            <a:srgbClr val="5ACBF0"/>
          </p15:clr>
        </p15:guide>
        <p15:guide id="9" orient="horz" pos="936">
          <p15:clr>
            <a:srgbClr val="5ACBF0"/>
          </p15:clr>
        </p15:guide>
        <p15:guide id="10" orient="horz" pos="3624">
          <p15:clr>
            <a:srgbClr val="5ACBF0"/>
          </p15:clr>
        </p15:guide>
        <p15:guide id="11" orient="horz" pos="4080">
          <p15:clr>
            <a:srgbClr val="5ACBF0"/>
          </p15:clr>
        </p15:guide>
        <p15:guide id="12" orient="horz" pos="1200">
          <p15:clr>
            <a:srgbClr val="5ACBF0"/>
          </p15:clr>
        </p15:guide>
      </p15:sldGuideLst>
    </p:ext>
  </p:extLst>
</p:sldMaster>
</file>

<file path=ppt/slideMasters/slideMaster2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E78F7E2-2283-A247-8B63-3805C8CFA7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7625" y="331200"/>
            <a:ext cx="11412000" cy="72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0A4FB3-FB49-8D44-86F6-F7456E92909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-1947600" y="6285600"/>
            <a:ext cx="871122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14ECF219-CBC5-49C9-847D-639B20A40359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F15767D-483D-F640-A089-B7F47050B85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-91747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04FEFF-E4CC-6040-BDB6-B5A69A6D5EE3}"/>
              </a:ext>
            </a:extLst>
          </p:cNvPr>
          <p:cNvSpPr>
            <a:spLocks noGrp="1"/>
          </p:cNvSpPr>
          <p:nvPr userDrawn="1">
            <p:ph type="sldNum" sz="quarter" idx="4"/>
          </p:nvPr>
        </p:nvSpPr>
        <p:spPr>
          <a:xfrm>
            <a:off x="39443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0" name="Text Placeholder 39">
            <a:extLst>
              <a:ext uri="{FF2B5EF4-FFF2-40B4-BE49-F238E27FC236}">
                <a16:creationId xmlns:a16="http://schemas.microsoft.com/office/drawing/2014/main" id="{A4F96C2E-79C4-9D4C-BDE7-02790CCB42E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8800" y="1476000"/>
            <a:ext cx="11412000" cy="424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pic>
        <p:nvPicPr>
          <p:cNvPr id="11" name="Picture 2"/>
          <p:cNvPicPr>
            <a:picLocks noChangeAspect="1" noChangeArrowheads="1"/>
          </p:cNvPicPr>
          <p:nvPr userDrawn="1"/>
        </p:nvPicPr>
        <p:blipFill>
          <a:blip r:embed="rId1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1976165" y="4621909"/>
            <a:ext cx="1916715" cy="5791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2" name="TextBox 11"/>
          <p:cNvSpPr txBox="1"/>
          <p:nvPr userDrawn="1"/>
        </p:nvSpPr>
        <p:spPr>
          <a:xfrm>
            <a:off x="-1980728" y="5221649"/>
            <a:ext cx="1916715" cy="1015663"/>
          </a:xfrm>
          <a:prstGeom prst="rect">
            <a:avLst/>
          </a:prstGeom>
          <a:solidFill>
            <a:schemeClr val="bg1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en-GB" sz="1000" b="1" dirty="0">
                <a:solidFill>
                  <a:srgbClr val="D22630"/>
                </a:solidFill>
                <a:latin typeface="+mn-lt"/>
              </a:rPr>
              <a:t>Note</a:t>
            </a:r>
            <a:r>
              <a:rPr lang="en-GB" sz="1000" dirty="0">
                <a:solidFill>
                  <a:srgbClr val="D22630"/>
                </a:solidFill>
                <a:latin typeface="+mn-lt"/>
              </a:rPr>
              <a:t>: </a:t>
            </a:r>
            <a:r>
              <a:rPr lang="en-GB" sz="1000" dirty="0">
                <a:latin typeface="+mn-lt"/>
              </a:rPr>
              <a:t>To change text styles, place text cursor in text and choose to promote or demote level with one of</a:t>
            </a:r>
            <a:br>
              <a:rPr lang="en-GB" sz="1000" dirty="0">
                <a:latin typeface="+mn-lt"/>
              </a:rPr>
            </a:br>
            <a:r>
              <a:rPr lang="en-GB" sz="1000" dirty="0">
                <a:latin typeface="+mn-lt"/>
              </a:rPr>
              <a:t>the indicated buttons.</a:t>
            </a:r>
          </a:p>
          <a:p>
            <a:r>
              <a:rPr lang="en-GB" sz="1000" dirty="0">
                <a:latin typeface="+mn-lt"/>
              </a:rPr>
              <a:t>(located on the HOME tab)</a:t>
            </a:r>
          </a:p>
        </p:txBody>
      </p:sp>
      <p:sp>
        <p:nvSpPr>
          <p:cNvPr id="10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3411019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003" r:id="rId1"/>
    <p:sldLayoutId id="2147484004" r:id="rId2"/>
    <p:sldLayoutId id="2147484005" r:id="rId3"/>
    <p:sldLayoutId id="2147484006" r:id="rId4"/>
    <p:sldLayoutId id="2147484007" r:id="rId5"/>
    <p:sldLayoutId id="2147484008" r:id="rId6"/>
    <p:sldLayoutId id="2147484009" r:id="rId7"/>
    <p:sldLayoutId id="2147484010" r:id="rId8"/>
    <p:sldLayoutId id="2147484011" r:id="rId9"/>
    <p:sldLayoutId id="2147484012" r:id="rId10"/>
    <p:sldLayoutId id="2147484013" r:id="rId11"/>
    <p:sldLayoutId id="2147484014" r:id="rId12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0" i="0" kern="1200" spc="-50" baseline="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1500"/>
        </a:spcAft>
        <a:buFont typeface="Arial" panose="020B0604020202020204" pitchFamily="34" charset="0"/>
        <a:buNone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216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2pPr>
      <a:lvl3pPr marL="432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3pPr>
      <a:lvl4pPr marL="648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Tx/>
        <a:buNone/>
        <a:defRPr sz="28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5ACBF0"/>
          </p15:clr>
        </p15:guide>
        <p15:guide id="2" pos="3840">
          <p15:clr>
            <a:srgbClr val="5ACBF0"/>
          </p15:clr>
        </p15:guide>
        <p15:guide id="3" pos="240">
          <p15:clr>
            <a:srgbClr val="5ACBF0"/>
          </p15:clr>
        </p15:guide>
        <p15:guide id="4" pos="7434">
          <p15:clr>
            <a:srgbClr val="5ACBF0"/>
          </p15:clr>
        </p15:guide>
        <p15:guide id="5" orient="horz" pos="552">
          <p15:clr>
            <a:srgbClr val="5ACBF0"/>
          </p15:clr>
        </p15:guide>
        <p15:guide id="6" orient="horz" pos="252">
          <p15:clr>
            <a:srgbClr val="5ACBF0"/>
          </p15:clr>
        </p15:guide>
        <p15:guide id="7" orient="horz" pos="947">
          <p15:clr>
            <a:srgbClr val="5ACBF0"/>
          </p15:clr>
        </p15:guide>
        <p15:guide id="8" orient="horz" pos="3609">
          <p15:clr>
            <a:srgbClr val="5ACBF0"/>
          </p15:clr>
        </p15:guide>
        <p15:guide id="9" orient="horz" pos="4080">
          <p15:clr>
            <a:srgbClr val="5ACBF0"/>
          </p15:clr>
        </p15:guide>
        <p15:guide id="10" pos="3739">
          <p15:clr>
            <a:srgbClr val="F26B43"/>
          </p15:clr>
        </p15:guide>
        <p15:guide id="11" pos="3942">
          <p15:clr>
            <a:srgbClr val="F26B43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E78F7E2-2283-A247-8B63-3805C8CFA7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7625" y="331200"/>
            <a:ext cx="11412000" cy="72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0A4FB3-FB49-8D44-86F6-F7456E929096}"/>
              </a:ext>
            </a:extLst>
          </p:cNvPr>
          <p:cNvSpPr>
            <a:spLocks noGrp="1"/>
          </p:cNvSpPr>
          <p:nvPr userDrawn="1">
            <p:ph type="dt" sz="half" idx="2"/>
          </p:nvPr>
        </p:nvSpPr>
        <p:spPr>
          <a:xfrm>
            <a:off x="-1947600" y="6285600"/>
            <a:ext cx="871122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bg1"/>
                </a:solidFill>
                <a:latin typeface="Aktiv Grotesk" panose="020B0504020202020204" pitchFamily="34" charset="0"/>
              </a:defRPr>
            </a:lvl1pPr>
          </a:lstStyle>
          <a:p>
            <a:fld id="{B5732BD2-8EE7-4251-AFCD-4FA576A99CF2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F15767D-483D-F640-A089-B7F47050B858}"/>
              </a:ext>
            </a:extLst>
          </p:cNvPr>
          <p:cNvSpPr>
            <a:spLocks noGrp="1"/>
          </p:cNvSpPr>
          <p:nvPr userDrawn="1">
            <p:ph type="ftr" sz="quarter" idx="3"/>
          </p:nvPr>
        </p:nvSpPr>
        <p:spPr>
          <a:xfrm>
            <a:off x="-91747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200">
                <a:solidFill>
                  <a:schemeClr val="bg1"/>
                </a:solidFill>
                <a:latin typeface="Aktiv Grotesk" panose="020B05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04FEFF-E4CC-6040-BDB6-B5A69A6D5EE3}"/>
              </a:ext>
            </a:extLst>
          </p:cNvPr>
          <p:cNvSpPr>
            <a:spLocks noGrp="1"/>
          </p:cNvSpPr>
          <p:nvPr userDrawn="1">
            <p:ph type="sldNum" sz="quarter" idx="4"/>
          </p:nvPr>
        </p:nvSpPr>
        <p:spPr>
          <a:xfrm>
            <a:off x="39443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bg1"/>
                </a:solidFill>
                <a:latin typeface="Aktiv Grotesk" panose="020B0504020202020204" pitchFamily="34" charset="0"/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0" name="Text Placeholder 39">
            <a:extLst>
              <a:ext uri="{FF2B5EF4-FFF2-40B4-BE49-F238E27FC236}">
                <a16:creationId xmlns:a16="http://schemas.microsoft.com/office/drawing/2014/main" id="{A4F96C2E-79C4-9D4C-BDE7-02790CCB42E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8800" y="1476000"/>
            <a:ext cx="11412000" cy="424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pic>
        <p:nvPicPr>
          <p:cNvPr id="9" name="Picture 2"/>
          <p:cNvPicPr>
            <a:picLocks noChangeAspect="1" noChangeArrowheads="1"/>
          </p:cNvPicPr>
          <p:nvPr userDrawn="1"/>
        </p:nvPicPr>
        <p:blipFill>
          <a:blip r:embed="rId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1976165" y="4621909"/>
            <a:ext cx="1916715" cy="5791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0" name="TextBox 9"/>
          <p:cNvSpPr txBox="1"/>
          <p:nvPr userDrawn="1"/>
        </p:nvSpPr>
        <p:spPr>
          <a:xfrm>
            <a:off x="-1980728" y="5221649"/>
            <a:ext cx="1916715" cy="1015663"/>
          </a:xfrm>
          <a:prstGeom prst="rect">
            <a:avLst/>
          </a:prstGeom>
          <a:solidFill>
            <a:schemeClr val="bg1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en-GB" sz="1000" b="1" dirty="0">
                <a:solidFill>
                  <a:srgbClr val="D22630"/>
                </a:solidFill>
                <a:latin typeface="+mn-lt"/>
              </a:rPr>
              <a:t>Note</a:t>
            </a:r>
            <a:r>
              <a:rPr lang="en-GB" sz="1000" dirty="0">
                <a:solidFill>
                  <a:srgbClr val="D22630"/>
                </a:solidFill>
                <a:latin typeface="+mn-lt"/>
              </a:rPr>
              <a:t>: </a:t>
            </a:r>
            <a:r>
              <a:rPr lang="en-GB" sz="1000" dirty="0">
                <a:latin typeface="+mn-lt"/>
              </a:rPr>
              <a:t>To change text styles, place text cursor in text and choose to promote or demote level with one of</a:t>
            </a:r>
            <a:br>
              <a:rPr lang="en-GB" sz="1000" dirty="0">
                <a:latin typeface="+mn-lt"/>
              </a:rPr>
            </a:br>
            <a:r>
              <a:rPr lang="en-GB" sz="1000" dirty="0">
                <a:latin typeface="+mn-lt"/>
              </a:rPr>
              <a:t>the indicated buttons.</a:t>
            </a:r>
          </a:p>
          <a:p>
            <a:r>
              <a:rPr lang="en-GB" sz="1000" dirty="0">
                <a:latin typeface="+mn-lt"/>
              </a:rPr>
              <a:t>(located on the HOME tab)</a:t>
            </a:r>
          </a:p>
        </p:txBody>
      </p:sp>
    </p:spTree>
    <p:extLst>
      <p:ext uri="{BB962C8B-B14F-4D97-AF65-F5344CB8AC3E}">
        <p14:creationId xmlns:p14="http://schemas.microsoft.com/office/powerpoint/2010/main" val="145260607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58" r:id="rId1"/>
    <p:sldLayoutId id="2147483759" r:id="rId2"/>
    <p:sldLayoutId id="2147483761" r:id="rId3"/>
    <p:sldLayoutId id="2147483762" r:id="rId4"/>
    <p:sldLayoutId id="2147483763" r:id="rId5"/>
    <p:sldLayoutId id="2147483767" r:id="rId6"/>
    <p:sldLayoutId id="2147483764" r:id="rId7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0" i="0" kern="1200" spc="-50" baseline="0">
          <a:solidFill>
            <a:schemeClr val="bg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1500"/>
        </a:spcAft>
        <a:buFont typeface="Arial" panose="020B0604020202020204" pitchFamily="34" charset="0"/>
        <a:buNone/>
        <a:defRPr sz="2800" kern="1200">
          <a:solidFill>
            <a:schemeClr val="bg1"/>
          </a:solidFill>
          <a:latin typeface="+mn-lt"/>
          <a:ea typeface="+mn-ea"/>
          <a:cs typeface="+mn-cs"/>
        </a:defRPr>
      </a:lvl1pPr>
      <a:lvl2pPr marL="216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rial" panose="020B0604020202020204" pitchFamily="34" charset="0"/>
        <a:buChar char="•"/>
        <a:defRPr sz="2800" kern="1200">
          <a:solidFill>
            <a:schemeClr val="bg1"/>
          </a:solidFill>
          <a:latin typeface="Aktiv Grotesk" panose="020B0504020202020204" pitchFamily="34" charset="0"/>
          <a:ea typeface="+mn-ea"/>
          <a:cs typeface="+mn-cs"/>
        </a:defRPr>
      </a:lvl2pPr>
      <a:lvl3pPr marL="432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800" kern="1200">
          <a:solidFill>
            <a:schemeClr val="bg1"/>
          </a:solidFill>
          <a:latin typeface="Aktiv Grotesk" panose="020B0504020202020204" pitchFamily="34" charset="0"/>
          <a:ea typeface="+mn-ea"/>
          <a:cs typeface="+mn-cs"/>
        </a:defRPr>
      </a:lvl3pPr>
      <a:lvl4pPr marL="648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800" kern="1200">
          <a:solidFill>
            <a:schemeClr val="bg1"/>
          </a:solidFill>
          <a:latin typeface="Aktiv Grotesk" panose="020B0504020202020204" pitchFamily="34" charset="0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Tx/>
        <a:buNone/>
        <a:defRPr sz="2800" kern="1200">
          <a:solidFill>
            <a:schemeClr val="bg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5ACBF0"/>
          </p15:clr>
        </p15:guide>
        <p15:guide id="2" pos="3840">
          <p15:clr>
            <a:srgbClr val="5ACBF0"/>
          </p15:clr>
        </p15:guide>
        <p15:guide id="3" pos="240">
          <p15:clr>
            <a:srgbClr val="5ACBF0"/>
          </p15:clr>
        </p15:guide>
        <p15:guide id="4" pos="7434">
          <p15:clr>
            <a:srgbClr val="5ACBF0"/>
          </p15:clr>
        </p15:guide>
        <p15:guide id="5" orient="horz" pos="552">
          <p15:clr>
            <a:srgbClr val="5ACBF0"/>
          </p15:clr>
        </p15:guide>
        <p15:guide id="6" orient="horz" pos="252">
          <p15:clr>
            <a:srgbClr val="5ACBF0"/>
          </p15:clr>
        </p15:guide>
        <p15:guide id="7" orient="horz" pos="947" userDrawn="1">
          <p15:clr>
            <a:srgbClr val="5ACBF0"/>
          </p15:clr>
        </p15:guide>
        <p15:guide id="8" orient="horz" pos="3609">
          <p15:clr>
            <a:srgbClr val="5ACBF0"/>
          </p15:clr>
        </p15:guide>
        <p15:guide id="9" orient="horz" pos="4080">
          <p15:clr>
            <a:srgbClr val="5ACBF0"/>
          </p15:clr>
        </p15:guide>
        <p15:guide id="10" pos="3739">
          <p15:clr>
            <a:srgbClr val="F26B43"/>
          </p15:clr>
        </p15:guide>
        <p15:guide id="11" pos="3942">
          <p15:clr>
            <a:srgbClr val="F26B43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E78F7E2-2283-A247-8B63-3805C8CFA7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7625" y="331200"/>
            <a:ext cx="11412000" cy="72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0A4FB3-FB49-8D44-86F6-F7456E929096}"/>
              </a:ext>
            </a:extLst>
          </p:cNvPr>
          <p:cNvSpPr>
            <a:spLocks noGrp="1"/>
          </p:cNvSpPr>
          <p:nvPr userDrawn="1">
            <p:ph type="dt" sz="half" idx="2"/>
          </p:nvPr>
        </p:nvSpPr>
        <p:spPr>
          <a:xfrm>
            <a:off x="-1947600" y="6285600"/>
            <a:ext cx="871122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bg1"/>
                </a:solidFill>
                <a:latin typeface="Aktiv Grotesk" panose="020B0504020202020204" pitchFamily="34" charset="0"/>
              </a:defRPr>
            </a:lvl1pPr>
          </a:lstStyle>
          <a:p>
            <a:fld id="{CF23B38F-B05F-4589-86F0-95C97782B814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F15767D-483D-F640-A089-B7F47050B858}"/>
              </a:ext>
            </a:extLst>
          </p:cNvPr>
          <p:cNvSpPr>
            <a:spLocks noGrp="1"/>
          </p:cNvSpPr>
          <p:nvPr userDrawn="1">
            <p:ph type="ftr" sz="quarter" idx="3"/>
          </p:nvPr>
        </p:nvSpPr>
        <p:spPr>
          <a:xfrm>
            <a:off x="-91747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200">
                <a:solidFill>
                  <a:schemeClr val="bg1"/>
                </a:solidFill>
                <a:latin typeface="Aktiv Grotesk" panose="020B05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04FEFF-E4CC-6040-BDB6-B5A69A6D5EE3}"/>
              </a:ext>
            </a:extLst>
          </p:cNvPr>
          <p:cNvSpPr>
            <a:spLocks noGrp="1"/>
          </p:cNvSpPr>
          <p:nvPr userDrawn="1">
            <p:ph type="sldNum" sz="quarter" idx="4"/>
          </p:nvPr>
        </p:nvSpPr>
        <p:spPr>
          <a:xfrm>
            <a:off x="39443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0" name="Text Placeholder 39">
            <a:extLst>
              <a:ext uri="{FF2B5EF4-FFF2-40B4-BE49-F238E27FC236}">
                <a16:creationId xmlns:a16="http://schemas.microsoft.com/office/drawing/2014/main" id="{A4F96C2E-79C4-9D4C-BDE7-02790CCB42E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8800" y="1476000"/>
            <a:ext cx="11412000" cy="424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pic>
        <p:nvPicPr>
          <p:cNvPr id="9" name="Picture 2"/>
          <p:cNvPicPr>
            <a:picLocks noChangeAspect="1" noChangeArrowheads="1"/>
          </p:cNvPicPr>
          <p:nvPr userDrawn="1"/>
        </p:nvPicPr>
        <p:blipFill>
          <a:blip r:embed="rId10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1976165" y="4621909"/>
            <a:ext cx="1916715" cy="5791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0" name="TextBox 9"/>
          <p:cNvSpPr txBox="1"/>
          <p:nvPr userDrawn="1"/>
        </p:nvSpPr>
        <p:spPr>
          <a:xfrm>
            <a:off x="-1980728" y="5221649"/>
            <a:ext cx="1916715" cy="1015663"/>
          </a:xfrm>
          <a:prstGeom prst="rect">
            <a:avLst/>
          </a:prstGeom>
          <a:solidFill>
            <a:schemeClr val="bg1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en-GB" sz="1000" b="1" dirty="0">
                <a:solidFill>
                  <a:srgbClr val="D22630"/>
                </a:solidFill>
                <a:latin typeface="+mn-lt"/>
              </a:rPr>
              <a:t>Note</a:t>
            </a:r>
            <a:r>
              <a:rPr lang="en-GB" sz="1000" dirty="0">
                <a:solidFill>
                  <a:srgbClr val="D22630"/>
                </a:solidFill>
                <a:latin typeface="+mn-lt"/>
              </a:rPr>
              <a:t>: </a:t>
            </a:r>
            <a:r>
              <a:rPr lang="en-GB" sz="1000" dirty="0">
                <a:latin typeface="+mn-lt"/>
              </a:rPr>
              <a:t>To change text styles, place text cursor in text and choose to promote or demote level with one of</a:t>
            </a:r>
            <a:br>
              <a:rPr lang="en-GB" sz="1000" dirty="0">
                <a:latin typeface="+mn-lt"/>
              </a:rPr>
            </a:br>
            <a:r>
              <a:rPr lang="en-GB" sz="1000" dirty="0">
                <a:latin typeface="+mn-lt"/>
              </a:rPr>
              <a:t>the indicated buttons.</a:t>
            </a:r>
          </a:p>
          <a:p>
            <a:r>
              <a:rPr lang="en-GB" sz="1000" dirty="0">
                <a:latin typeface="+mn-lt"/>
              </a:rPr>
              <a:t>(located on the HOME tab)</a:t>
            </a:r>
          </a:p>
        </p:txBody>
      </p:sp>
    </p:spTree>
    <p:extLst>
      <p:ext uri="{BB962C8B-B14F-4D97-AF65-F5344CB8AC3E}">
        <p14:creationId xmlns:p14="http://schemas.microsoft.com/office/powerpoint/2010/main" val="359618751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7" r:id="rId1"/>
    <p:sldLayoutId id="2147483708" r:id="rId2"/>
    <p:sldLayoutId id="2147483765" r:id="rId3"/>
    <p:sldLayoutId id="2147483714" r:id="rId4"/>
    <p:sldLayoutId id="2147483710" r:id="rId5"/>
    <p:sldLayoutId id="2147483712" r:id="rId6"/>
    <p:sldLayoutId id="2147483768" r:id="rId7"/>
    <p:sldLayoutId id="2147483713" r:id="rId8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0" i="0" kern="1200" spc="-50" baseline="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1500"/>
        </a:spcAft>
        <a:buFont typeface="Arial" panose="020B0604020202020204" pitchFamily="34" charset="0"/>
        <a:buNone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216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2pPr>
      <a:lvl3pPr marL="432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3pPr>
      <a:lvl4pPr marL="648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Tx/>
        <a:buNone/>
        <a:defRPr sz="28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5ACBF0"/>
          </p15:clr>
        </p15:guide>
        <p15:guide id="2" pos="3840">
          <p15:clr>
            <a:srgbClr val="5ACBF0"/>
          </p15:clr>
        </p15:guide>
        <p15:guide id="3" pos="240">
          <p15:clr>
            <a:srgbClr val="5ACBF0"/>
          </p15:clr>
        </p15:guide>
        <p15:guide id="4" pos="7434">
          <p15:clr>
            <a:srgbClr val="5ACBF0"/>
          </p15:clr>
        </p15:guide>
        <p15:guide id="5" orient="horz" pos="552">
          <p15:clr>
            <a:srgbClr val="5ACBF0"/>
          </p15:clr>
        </p15:guide>
        <p15:guide id="6" orient="horz" pos="252">
          <p15:clr>
            <a:srgbClr val="5ACBF0"/>
          </p15:clr>
        </p15:guide>
        <p15:guide id="7" orient="horz" pos="947" userDrawn="1">
          <p15:clr>
            <a:srgbClr val="5ACBF0"/>
          </p15:clr>
        </p15:guide>
        <p15:guide id="8" orient="horz" pos="3609">
          <p15:clr>
            <a:srgbClr val="5ACBF0"/>
          </p15:clr>
        </p15:guide>
        <p15:guide id="9" orient="horz" pos="4080">
          <p15:clr>
            <a:srgbClr val="5ACBF0"/>
          </p15:clr>
        </p15:guide>
        <p15:guide id="10" pos="3739">
          <p15:clr>
            <a:srgbClr val="F26B43"/>
          </p15:clr>
        </p15:guide>
        <p15:guide id="11" pos="3942">
          <p15:clr>
            <a:srgbClr val="F26B43"/>
          </p15:clr>
        </p15:guide>
      </p15:sldGuideLst>
    </p:ext>
  </p:extLst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E78F7E2-2283-A247-8B63-3805C8CFA7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7625" y="331200"/>
            <a:ext cx="11412000" cy="72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0A4FB3-FB49-8D44-86F6-F7456E92909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-1947600" y="6285600"/>
            <a:ext cx="871122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5857A97D-AA93-4143-A0DC-5C12C279E8D6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F15767D-483D-F640-A089-B7F47050B85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-91747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04FEFF-E4CC-6040-BDB6-B5A69A6D5EE3}"/>
              </a:ext>
            </a:extLst>
          </p:cNvPr>
          <p:cNvSpPr>
            <a:spLocks noGrp="1"/>
          </p:cNvSpPr>
          <p:nvPr userDrawn="1">
            <p:ph type="sldNum" sz="quarter" idx="4"/>
          </p:nvPr>
        </p:nvSpPr>
        <p:spPr>
          <a:xfrm>
            <a:off x="39443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0" name="Text Placeholder 39">
            <a:extLst>
              <a:ext uri="{FF2B5EF4-FFF2-40B4-BE49-F238E27FC236}">
                <a16:creationId xmlns:a16="http://schemas.microsoft.com/office/drawing/2014/main" id="{A4F96C2E-79C4-9D4C-BDE7-02790CCB42E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8800" y="1476000"/>
            <a:ext cx="11412000" cy="424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pic>
        <p:nvPicPr>
          <p:cNvPr id="11" name="Picture 2"/>
          <p:cNvPicPr>
            <a:picLocks noChangeAspect="1" noChangeArrowheads="1"/>
          </p:cNvPicPr>
          <p:nvPr userDrawn="1"/>
        </p:nvPicPr>
        <p:blipFill>
          <a:blip r:embed="rId8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1976165" y="4621909"/>
            <a:ext cx="1916715" cy="5791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2" name="TextBox 11"/>
          <p:cNvSpPr txBox="1"/>
          <p:nvPr userDrawn="1"/>
        </p:nvSpPr>
        <p:spPr>
          <a:xfrm>
            <a:off x="-1980728" y="5221649"/>
            <a:ext cx="1916715" cy="1015663"/>
          </a:xfrm>
          <a:prstGeom prst="rect">
            <a:avLst/>
          </a:prstGeom>
          <a:solidFill>
            <a:schemeClr val="bg1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en-GB" sz="1000" b="1" dirty="0">
                <a:solidFill>
                  <a:srgbClr val="D22630"/>
                </a:solidFill>
                <a:latin typeface="+mn-lt"/>
              </a:rPr>
              <a:t>Note</a:t>
            </a:r>
            <a:r>
              <a:rPr lang="en-GB" sz="1000" dirty="0">
                <a:solidFill>
                  <a:srgbClr val="D22630"/>
                </a:solidFill>
                <a:latin typeface="+mn-lt"/>
              </a:rPr>
              <a:t>: </a:t>
            </a:r>
            <a:r>
              <a:rPr lang="en-GB" sz="1000" dirty="0">
                <a:latin typeface="+mn-lt"/>
              </a:rPr>
              <a:t>To change text styles, place text cursor in text and choose to promote or demote level with one of</a:t>
            </a:r>
            <a:br>
              <a:rPr lang="en-GB" sz="1000" dirty="0">
                <a:latin typeface="+mn-lt"/>
              </a:rPr>
            </a:br>
            <a:r>
              <a:rPr lang="en-GB" sz="1000" dirty="0">
                <a:latin typeface="+mn-lt"/>
              </a:rPr>
              <a:t>the indicated buttons.</a:t>
            </a:r>
          </a:p>
          <a:p>
            <a:r>
              <a:rPr lang="en-GB" sz="1000" dirty="0">
                <a:latin typeface="+mn-lt"/>
              </a:rPr>
              <a:t>(located on the HOME tab)</a:t>
            </a:r>
          </a:p>
        </p:txBody>
      </p:sp>
    </p:spTree>
    <p:extLst>
      <p:ext uri="{BB962C8B-B14F-4D97-AF65-F5344CB8AC3E}">
        <p14:creationId xmlns:p14="http://schemas.microsoft.com/office/powerpoint/2010/main" val="361522900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51" r:id="rId1"/>
    <p:sldLayoutId id="2147483752" r:id="rId2"/>
    <p:sldLayoutId id="2147483753" r:id="rId3"/>
    <p:sldLayoutId id="2147483769" r:id="rId4"/>
    <p:sldLayoutId id="2147483754" r:id="rId5"/>
    <p:sldLayoutId id="2147483756" r:id="rId6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0" i="0" kern="1200" spc="-50" baseline="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1500"/>
        </a:spcAft>
        <a:buFont typeface="Arial" panose="020B0604020202020204" pitchFamily="34" charset="0"/>
        <a:buNone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216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2pPr>
      <a:lvl3pPr marL="432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3pPr>
      <a:lvl4pPr marL="648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Tx/>
        <a:buNone/>
        <a:defRPr sz="28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5ACBF0"/>
          </p15:clr>
        </p15:guide>
        <p15:guide id="2" pos="3840">
          <p15:clr>
            <a:srgbClr val="5ACBF0"/>
          </p15:clr>
        </p15:guide>
        <p15:guide id="3" pos="240">
          <p15:clr>
            <a:srgbClr val="5ACBF0"/>
          </p15:clr>
        </p15:guide>
        <p15:guide id="4" pos="7434">
          <p15:clr>
            <a:srgbClr val="5ACBF0"/>
          </p15:clr>
        </p15:guide>
        <p15:guide id="5" orient="horz" pos="552">
          <p15:clr>
            <a:srgbClr val="5ACBF0"/>
          </p15:clr>
        </p15:guide>
        <p15:guide id="6" orient="horz" pos="252">
          <p15:clr>
            <a:srgbClr val="5ACBF0"/>
          </p15:clr>
        </p15:guide>
        <p15:guide id="7" orient="horz" pos="947" userDrawn="1">
          <p15:clr>
            <a:srgbClr val="5ACBF0"/>
          </p15:clr>
        </p15:guide>
        <p15:guide id="8" orient="horz" pos="3609">
          <p15:clr>
            <a:srgbClr val="5ACBF0"/>
          </p15:clr>
        </p15:guide>
        <p15:guide id="9" orient="horz" pos="4080">
          <p15:clr>
            <a:srgbClr val="5ACBF0"/>
          </p15:clr>
        </p15:guide>
        <p15:guide id="10" pos="3739">
          <p15:clr>
            <a:srgbClr val="F26B43"/>
          </p15:clr>
        </p15:guide>
        <p15:guide id="11" pos="3942">
          <p15:clr>
            <a:srgbClr val="F26B43"/>
          </p15:clr>
        </p15:guide>
      </p15:sldGuideLst>
    </p:ext>
  </p:extLst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E78F7E2-2283-A247-8B63-3805C8CFA7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7625" y="331200"/>
            <a:ext cx="11412000" cy="72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0A4FB3-FB49-8D44-86F6-F7456E92909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-1947600" y="6285600"/>
            <a:ext cx="871122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B85A9A95-0068-41B9-825B-32543988677B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F15767D-483D-F640-A089-B7F47050B85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-91747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04FEFF-E4CC-6040-BDB6-B5A69A6D5EE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39443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0" name="Text Placeholder 39">
            <a:extLst>
              <a:ext uri="{FF2B5EF4-FFF2-40B4-BE49-F238E27FC236}">
                <a16:creationId xmlns:a16="http://schemas.microsoft.com/office/drawing/2014/main" id="{A4F96C2E-79C4-9D4C-BDE7-02790CCB42E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8800" y="1476000"/>
            <a:ext cx="11412000" cy="424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pic>
        <p:nvPicPr>
          <p:cNvPr id="9" name="Picture 2"/>
          <p:cNvPicPr>
            <a:picLocks noChangeAspect="1" noChangeArrowheads="1"/>
          </p:cNvPicPr>
          <p:nvPr/>
        </p:nvPicPr>
        <p:blipFill>
          <a:blip r:embed="rId1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1976165" y="4621909"/>
            <a:ext cx="1916715" cy="5791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0" name="TextBox 9"/>
          <p:cNvSpPr txBox="1"/>
          <p:nvPr/>
        </p:nvSpPr>
        <p:spPr>
          <a:xfrm>
            <a:off x="-1980728" y="5221649"/>
            <a:ext cx="1916715" cy="1015663"/>
          </a:xfrm>
          <a:prstGeom prst="rect">
            <a:avLst/>
          </a:prstGeom>
          <a:solidFill>
            <a:schemeClr val="bg1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en-GB" sz="1000" b="1" dirty="0">
                <a:solidFill>
                  <a:srgbClr val="D22630"/>
                </a:solidFill>
                <a:latin typeface="+mn-lt"/>
              </a:rPr>
              <a:t>Note</a:t>
            </a:r>
            <a:r>
              <a:rPr lang="en-GB" sz="1000" dirty="0">
                <a:solidFill>
                  <a:srgbClr val="D22630"/>
                </a:solidFill>
                <a:latin typeface="+mn-lt"/>
              </a:rPr>
              <a:t>: </a:t>
            </a:r>
            <a:r>
              <a:rPr lang="en-GB" sz="1000" dirty="0">
                <a:latin typeface="+mn-lt"/>
              </a:rPr>
              <a:t>To change text styles, place text cursor in text and choose to promote or demote level with one of</a:t>
            </a:r>
            <a:br>
              <a:rPr lang="en-GB" sz="1000" dirty="0">
                <a:latin typeface="+mn-lt"/>
              </a:rPr>
            </a:br>
            <a:r>
              <a:rPr lang="en-GB" sz="1000" dirty="0">
                <a:latin typeface="+mn-lt"/>
              </a:rPr>
              <a:t>the indicated buttons.</a:t>
            </a:r>
          </a:p>
          <a:p>
            <a:r>
              <a:rPr lang="en-GB" sz="1000" dirty="0">
                <a:latin typeface="+mn-lt"/>
              </a:rPr>
              <a:t>(located on the HOME tab)</a:t>
            </a:r>
          </a:p>
        </p:txBody>
      </p:sp>
    </p:spTree>
    <p:extLst>
      <p:ext uri="{BB962C8B-B14F-4D97-AF65-F5344CB8AC3E}">
        <p14:creationId xmlns:p14="http://schemas.microsoft.com/office/powerpoint/2010/main" val="25184855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73" r:id="rId1"/>
    <p:sldLayoutId id="2147483774" r:id="rId2"/>
    <p:sldLayoutId id="2147483775" r:id="rId3"/>
    <p:sldLayoutId id="2147483776" r:id="rId4"/>
    <p:sldLayoutId id="2147483777" r:id="rId5"/>
    <p:sldLayoutId id="2147483778" r:id="rId6"/>
    <p:sldLayoutId id="2147483779" r:id="rId7"/>
    <p:sldLayoutId id="2147483780" r:id="rId8"/>
    <p:sldLayoutId id="2147483781" r:id="rId9"/>
    <p:sldLayoutId id="2147483782" r:id="rId10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0" i="0" kern="1200" spc="-50" baseline="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1500"/>
        </a:spcAft>
        <a:buFont typeface="Arial" panose="020B0604020202020204" pitchFamily="34" charset="0"/>
        <a:buNone/>
        <a:defRPr sz="2000" kern="1200">
          <a:solidFill>
            <a:schemeClr val="tx2"/>
          </a:solidFill>
          <a:latin typeface="+mn-lt"/>
          <a:ea typeface="+mn-ea"/>
          <a:cs typeface="+mn-cs"/>
        </a:defRPr>
      </a:lvl1pPr>
      <a:lvl2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2pPr>
      <a:lvl3pPr marL="288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0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3pPr>
      <a:lvl4pPr marL="432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0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SzPct val="110000"/>
        <a:buFontTx/>
        <a:buNone/>
        <a:defRPr sz="20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5ACBF0"/>
          </p15:clr>
        </p15:guide>
        <p15:guide id="2" pos="3840">
          <p15:clr>
            <a:srgbClr val="5ACBF0"/>
          </p15:clr>
        </p15:guide>
        <p15:guide id="3" pos="240">
          <p15:clr>
            <a:srgbClr val="5ACBF0"/>
          </p15:clr>
        </p15:guide>
        <p15:guide id="4" pos="7434">
          <p15:clr>
            <a:srgbClr val="5ACBF0"/>
          </p15:clr>
        </p15:guide>
        <p15:guide id="5" orient="horz" pos="552">
          <p15:clr>
            <a:srgbClr val="5ACBF0"/>
          </p15:clr>
        </p15:guide>
        <p15:guide id="6" orient="horz" pos="252">
          <p15:clr>
            <a:srgbClr val="5ACBF0"/>
          </p15:clr>
        </p15:guide>
        <p15:guide id="7" orient="horz" pos="947">
          <p15:clr>
            <a:srgbClr val="5ACBF0"/>
          </p15:clr>
        </p15:guide>
        <p15:guide id="8" orient="horz" pos="3609">
          <p15:clr>
            <a:srgbClr val="5ACBF0"/>
          </p15:clr>
        </p15:guide>
        <p15:guide id="9" orient="horz" pos="4080">
          <p15:clr>
            <a:srgbClr val="5ACBF0"/>
          </p15:clr>
        </p15:guide>
        <p15:guide id="10" pos="3739">
          <p15:clr>
            <a:srgbClr val="F26B43"/>
          </p15:clr>
        </p15:guide>
        <p15:guide id="11" pos="3942">
          <p15:clr>
            <a:srgbClr val="F26B43"/>
          </p15:clr>
        </p15:guide>
      </p15:sldGuideLst>
    </p:ext>
  </p:extLst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E78F7E2-2283-A247-8B63-3805C8CFA7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7625" y="331200"/>
            <a:ext cx="11412000" cy="72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0A4FB3-FB49-8D44-86F6-F7456E92909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-1947600" y="6285600"/>
            <a:ext cx="871122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14ECF219-CBC5-49C9-847D-639B20A40359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F15767D-483D-F640-A089-B7F47050B85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-91747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04FEFF-E4CC-6040-BDB6-B5A69A6D5EE3}"/>
              </a:ext>
            </a:extLst>
          </p:cNvPr>
          <p:cNvSpPr>
            <a:spLocks noGrp="1"/>
          </p:cNvSpPr>
          <p:nvPr userDrawn="1">
            <p:ph type="sldNum" sz="quarter" idx="4"/>
          </p:nvPr>
        </p:nvSpPr>
        <p:spPr>
          <a:xfrm>
            <a:off x="39443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0" name="Text Placeholder 39">
            <a:extLst>
              <a:ext uri="{FF2B5EF4-FFF2-40B4-BE49-F238E27FC236}">
                <a16:creationId xmlns:a16="http://schemas.microsoft.com/office/drawing/2014/main" id="{A4F96C2E-79C4-9D4C-BDE7-02790CCB42E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8800" y="1476000"/>
            <a:ext cx="11412000" cy="424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pic>
        <p:nvPicPr>
          <p:cNvPr id="11" name="Picture 2"/>
          <p:cNvPicPr>
            <a:picLocks noChangeAspect="1" noChangeArrowheads="1"/>
          </p:cNvPicPr>
          <p:nvPr userDrawn="1"/>
        </p:nvPicPr>
        <p:blipFill>
          <a:blip r:embed="rId10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1976165" y="4621909"/>
            <a:ext cx="1916715" cy="5791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2" name="TextBox 11"/>
          <p:cNvSpPr txBox="1"/>
          <p:nvPr userDrawn="1"/>
        </p:nvSpPr>
        <p:spPr>
          <a:xfrm>
            <a:off x="-1980728" y="5221649"/>
            <a:ext cx="1916715" cy="1015663"/>
          </a:xfrm>
          <a:prstGeom prst="rect">
            <a:avLst/>
          </a:prstGeom>
          <a:solidFill>
            <a:schemeClr val="bg1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en-GB" sz="1000" b="1" dirty="0">
                <a:solidFill>
                  <a:srgbClr val="D22630"/>
                </a:solidFill>
                <a:latin typeface="+mn-lt"/>
              </a:rPr>
              <a:t>Note</a:t>
            </a:r>
            <a:r>
              <a:rPr lang="en-GB" sz="1000" dirty="0">
                <a:solidFill>
                  <a:srgbClr val="D22630"/>
                </a:solidFill>
                <a:latin typeface="+mn-lt"/>
              </a:rPr>
              <a:t>: </a:t>
            </a:r>
            <a:r>
              <a:rPr lang="en-GB" sz="1000" dirty="0">
                <a:latin typeface="+mn-lt"/>
              </a:rPr>
              <a:t>To change text styles, place text cursor in text and choose to promote or demote level with one of</a:t>
            </a:r>
            <a:br>
              <a:rPr lang="en-GB" sz="1000" dirty="0">
                <a:latin typeface="+mn-lt"/>
              </a:rPr>
            </a:br>
            <a:r>
              <a:rPr lang="en-GB" sz="1000" dirty="0">
                <a:latin typeface="+mn-lt"/>
              </a:rPr>
              <a:t>the indicated buttons.</a:t>
            </a:r>
          </a:p>
          <a:p>
            <a:r>
              <a:rPr lang="en-GB" sz="1000" dirty="0">
                <a:latin typeface="+mn-lt"/>
              </a:rPr>
              <a:t>(located on the HOME tab)</a:t>
            </a:r>
          </a:p>
        </p:txBody>
      </p:sp>
      <p:sp>
        <p:nvSpPr>
          <p:cNvPr id="10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808118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86" r:id="rId1"/>
    <p:sldLayoutId id="2147483787" r:id="rId2"/>
    <p:sldLayoutId id="2147483788" r:id="rId3"/>
    <p:sldLayoutId id="2147483789" r:id="rId4"/>
    <p:sldLayoutId id="2147483790" r:id="rId5"/>
    <p:sldLayoutId id="2147483791" r:id="rId6"/>
    <p:sldLayoutId id="2147483792" r:id="rId7"/>
    <p:sldLayoutId id="2147483793" r:id="rId8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0" i="0" kern="1200" spc="-50" baseline="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1500"/>
        </a:spcAft>
        <a:buFont typeface="Arial" panose="020B0604020202020204" pitchFamily="34" charset="0"/>
        <a:buNone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216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2pPr>
      <a:lvl3pPr marL="432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3pPr>
      <a:lvl4pPr marL="648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Tx/>
        <a:buNone/>
        <a:defRPr sz="28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5ACBF0"/>
          </p15:clr>
        </p15:guide>
        <p15:guide id="2" pos="3840">
          <p15:clr>
            <a:srgbClr val="5ACBF0"/>
          </p15:clr>
        </p15:guide>
        <p15:guide id="3" pos="240">
          <p15:clr>
            <a:srgbClr val="5ACBF0"/>
          </p15:clr>
        </p15:guide>
        <p15:guide id="4" pos="7434">
          <p15:clr>
            <a:srgbClr val="5ACBF0"/>
          </p15:clr>
        </p15:guide>
        <p15:guide id="5" orient="horz" pos="552">
          <p15:clr>
            <a:srgbClr val="5ACBF0"/>
          </p15:clr>
        </p15:guide>
        <p15:guide id="6" orient="horz" pos="252">
          <p15:clr>
            <a:srgbClr val="5ACBF0"/>
          </p15:clr>
        </p15:guide>
        <p15:guide id="7" orient="horz" pos="947">
          <p15:clr>
            <a:srgbClr val="5ACBF0"/>
          </p15:clr>
        </p15:guide>
        <p15:guide id="8" orient="horz" pos="3609">
          <p15:clr>
            <a:srgbClr val="5ACBF0"/>
          </p15:clr>
        </p15:guide>
        <p15:guide id="9" orient="horz" pos="4080">
          <p15:clr>
            <a:srgbClr val="5ACBF0"/>
          </p15:clr>
        </p15:guide>
        <p15:guide id="10" pos="3739">
          <p15:clr>
            <a:srgbClr val="F26B43"/>
          </p15:clr>
        </p15:guide>
        <p15:guide id="11" pos="3942">
          <p15:clr>
            <a:srgbClr val="F26B43"/>
          </p15:clr>
        </p15:guide>
      </p15:sldGuideLst>
    </p:ext>
  </p:extLst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E78F7E2-2283-A247-8B63-3805C8CFA7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7625" y="331200"/>
            <a:ext cx="11412000" cy="72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0A4FB3-FB49-8D44-86F6-F7456E929096}"/>
              </a:ext>
            </a:extLst>
          </p:cNvPr>
          <p:cNvSpPr>
            <a:spLocks noGrp="1"/>
          </p:cNvSpPr>
          <p:nvPr userDrawn="1">
            <p:ph type="dt" sz="half" idx="2"/>
          </p:nvPr>
        </p:nvSpPr>
        <p:spPr>
          <a:xfrm>
            <a:off x="-1947600" y="6285600"/>
            <a:ext cx="871122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2170ED32-93DC-4B3C-B014-D826272A4D28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F15767D-483D-F640-A089-B7F47050B858}"/>
              </a:ext>
            </a:extLst>
          </p:cNvPr>
          <p:cNvSpPr>
            <a:spLocks noGrp="1"/>
          </p:cNvSpPr>
          <p:nvPr userDrawn="1">
            <p:ph type="ftr" sz="quarter" idx="3"/>
          </p:nvPr>
        </p:nvSpPr>
        <p:spPr>
          <a:xfrm>
            <a:off x="-91747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04FEFF-E4CC-6040-BDB6-B5A69A6D5EE3}"/>
              </a:ext>
            </a:extLst>
          </p:cNvPr>
          <p:cNvSpPr>
            <a:spLocks noGrp="1"/>
          </p:cNvSpPr>
          <p:nvPr userDrawn="1">
            <p:ph type="sldNum" sz="quarter" idx="4"/>
          </p:nvPr>
        </p:nvSpPr>
        <p:spPr>
          <a:xfrm>
            <a:off x="39443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0" name="Text Placeholder 39">
            <a:extLst>
              <a:ext uri="{FF2B5EF4-FFF2-40B4-BE49-F238E27FC236}">
                <a16:creationId xmlns:a16="http://schemas.microsoft.com/office/drawing/2014/main" id="{A4F96C2E-79C4-9D4C-BDE7-02790CCB42E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8800" y="1476000"/>
            <a:ext cx="11412000" cy="424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pic>
        <p:nvPicPr>
          <p:cNvPr id="9" name="Picture 2"/>
          <p:cNvPicPr>
            <a:picLocks noChangeAspect="1" noChangeArrowheads="1"/>
          </p:cNvPicPr>
          <p:nvPr userDrawn="1"/>
        </p:nvPicPr>
        <p:blipFill>
          <a:blip r:embed="rId20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1976165" y="4621909"/>
            <a:ext cx="1916715" cy="5791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0" name="TextBox 9"/>
          <p:cNvSpPr txBox="1"/>
          <p:nvPr userDrawn="1"/>
        </p:nvSpPr>
        <p:spPr>
          <a:xfrm>
            <a:off x="-1980728" y="5221649"/>
            <a:ext cx="1916715" cy="1015663"/>
          </a:xfrm>
          <a:prstGeom prst="rect">
            <a:avLst/>
          </a:prstGeom>
          <a:solidFill>
            <a:schemeClr val="bg1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en-GB" sz="1000" b="1" dirty="0">
                <a:solidFill>
                  <a:srgbClr val="D22630"/>
                </a:solidFill>
                <a:latin typeface="+mn-lt"/>
              </a:rPr>
              <a:t>Note</a:t>
            </a:r>
            <a:r>
              <a:rPr lang="en-GB" sz="1000" dirty="0">
                <a:solidFill>
                  <a:srgbClr val="D22630"/>
                </a:solidFill>
                <a:latin typeface="+mn-lt"/>
              </a:rPr>
              <a:t>: </a:t>
            </a:r>
            <a:r>
              <a:rPr lang="en-GB" sz="1000" dirty="0">
                <a:latin typeface="+mn-lt"/>
              </a:rPr>
              <a:t>To change text styles, place text cursor in text and choose to promote or demote level with one of</a:t>
            </a:r>
            <a:br>
              <a:rPr lang="en-GB" sz="1000" dirty="0">
                <a:latin typeface="+mn-lt"/>
              </a:rPr>
            </a:br>
            <a:r>
              <a:rPr lang="en-GB" sz="1000" dirty="0">
                <a:latin typeface="+mn-lt"/>
              </a:rPr>
              <a:t>the indicated buttons.</a:t>
            </a:r>
          </a:p>
          <a:p>
            <a:r>
              <a:rPr lang="en-GB" sz="1000" dirty="0">
                <a:latin typeface="+mn-lt"/>
              </a:rPr>
              <a:t>(located on the HOME tab)</a:t>
            </a:r>
          </a:p>
        </p:txBody>
      </p:sp>
    </p:spTree>
    <p:extLst>
      <p:ext uri="{BB962C8B-B14F-4D97-AF65-F5344CB8AC3E}">
        <p14:creationId xmlns:p14="http://schemas.microsoft.com/office/powerpoint/2010/main" val="381394489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95" r:id="rId1"/>
    <p:sldLayoutId id="2147483796" r:id="rId2"/>
    <p:sldLayoutId id="2147483797" r:id="rId3"/>
    <p:sldLayoutId id="2147483798" r:id="rId4"/>
    <p:sldLayoutId id="2147483799" r:id="rId5"/>
    <p:sldLayoutId id="2147483800" r:id="rId6"/>
    <p:sldLayoutId id="2147483801" r:id="rId7"/>
    <p:sldLayoutId id="2147483802" r:id="rId8"/>
    <p:sldLayoutId id="2147483803" r:id="rId9"/>
    <p:sldLayoutId id="2147483804" r:id="rId10"/>
    <p:sldLayoutId id="2147483805" r:id="rId11"/>
    <p:sldLayoutId id="2147483806" r:id="rId12"/>
    <p:sldLayoutId id="2147483807" r:id="rId13"/>
    <p:sldLayoutId id="2147483808" r:id="rId14"/>
    <p:sldLayoutId id="2147483809" r:id="rId15"/>
    <p:sldLayoutId id="2147483810" r:id="rId16"/>
    <p:sldLayoutId id="2147483811" r:id="rId17"/>
    <p:sldLayoutId id="2147483812" r:id="rId18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0" i="0" kern="1200" spc="-50" baseline="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1500"/>
        </a:spcAft>
        <a:buFont typeface="Arial" panose="020B0604020202020204" pitchFamily="34" charset="0"/>
        <a:buNone/>
        <a:defRPr sz="2800" kern="1200">
          <a:solidFill>
            <a:schemeClr val="tx2"/>
          </a:solidFill>
          <a:latin typeface="+mn-lt"/>
          <a:ea typeface="+mn-ea"/>
          <a:cs typeface="+mn-cs"/>
        </a:defRPr>
      </a:lvl1pPr>
      <a:lvl2pPr marL="216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2pPr>
      <a:lvl3pPr marL="432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3pPr>
      <a:lvl4pPr marL="648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0"/>
        </a:spcAft>
        <a:buSzPct val="110000"/>
        <a:buFontTx/>
        <a:buNone/>
        <a:defRPr sz="28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5ACBF0"/>
          </p15:clr>
        </p15:guide>
        <p15:guide id="2" pos="3840">
          <p15:clr>
            <a:srgbClr val="5ACBF0"/>
          </p15:clr>
        </p15:guide>
        <p15:guide id="3" pos="240">
          <p15:clr>
            <a:srgbClr val="5ACBF0"/>
          </p15:clr>
        </p15:guide>
        <p15:guide id="4" pos="7434">
          <p15:clr>
            <a:srgbClr val="5ACBF0"/>
          </p15:clr>
        </p15:guide>
        <p15:guide id="5" orient="horz" pos="552">
          <p15:clr>
            <a:srgbClr val="5ACBF0"/>
          </p15:clr>
        </p15:guide>
        <p15:guide id="6" orient="horz" pos="252">
          <p15:clr>
            <a:srgbClr val="5ACBF0"/>
          </p15:clr>
        </p15:guide>
        <p15:guide id="7" orient="horz" pos="947">
          <p15:clr>
            <a:srgbClr val="5ACBF0"/>
          </p15:clr>
        </p15:guide>
        <p15:guide id="8" orient="horz" pos="3609">
          <p15:clr>
            <a:srgbClr val="5ACBF0"/>
          </p15:clr>
        </p15:guide>
        <p15:guide id="9" orient="horz" pos="4080">
          <p15:clr>
            <a:srgbClr val="5ACBF0"/>
          </p15:clr>
        </p15:guide>
        <p15:guide id="10" pos="3739">
          <p15:clr>
            <a:srgbClr val="F26B43"/>
          </p15:clr>
        </p15:guide>
        <p15:guide id="11" pos="3942">
          <p15:clr>
            <a:srgbClr val="F26B43"/>
          </p15:clr>
        </p15:guide>
      </p15:sldGuideLst>
    </p:ext>
  </p:extLst>
</p:sldMaster>
</file>

<file path=ppt/slideMasters/slideMaster9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E78F7E2-2283-A247-8B63-3805C8CFA7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7625" y="331200"/>
            <a:ext cx="11412000" cy="72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20A4FB3-FB49-8D44-86F6-F7456E92909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-1947600" y="6285600"/>
            <a:ext cx="871122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54E3D9DE-8977-4C93-AED8-8249BFB5A6F6}" type="datetime1">
              <a:rPr lang="en-US" smtClean="0"/>
              <a:t>5/18/2022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F15767D-483D-F640-A089-B7F47050B85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-91747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ctr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04FEFF-E4CC-6040-BDB6-B5A69A6D5EE3}"/>
              </a:ext>
            </a:extLst>
          </p:cNvPr>
          <p:cNvSpPr>
            <a:spLocks noGrp="1"/>
          </p:cNvSpPr>
          <p:nvPr userDrawn="1">
            <p:ph type="sldNum" sz="quarter" idx="4"/>
          </p:nvPr>
        </p:nvSpPr>
        <p:spPr>
          <a:xfrm>
            <a:off x="394434" y="6285600"/>
            <a:ext cx="720000" cy="288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>
              <a:defRPr sz="1200">
                <a:solidFill>
                  <a:schemeClr val="accent1"/>
                </a:solidFill>
                <a:latin typeface="Aktiv Grotesk" panose="020B0504020202020204" pitchFamily="34" charset="0"/>
              </a:defRPr>
            </a:lvl1pPr>
          </a:lstStyle>
          <a:p>
            <a:fld id="{F618B75B-45BB-9C4B-9E16-0D1DF46F8DB3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0" name="Text Placeholder 39">
            <a:extLst>
              <a:ext uri="{FF2B5EF4-FFF2-40B4-BE49-F238E27FC236}">
                <a16:creationId xmlns:a16="http://schemas.microsoft.com/office/drawing/2014/main" id="{A4F96C2E-79C4-9D4C-BDE7-02790CCB42E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8800" y="1476000"/>
            <a:ext cx="11412000" cy="424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pic>
        <p:nvPicPr>
          <p:cNvPr id="11" name="Picture 2"/>
          <p:cNvPicPr>
            <a:picLocks noChangeAspect="1" noChangeArrowheads="1"/>
          </p:cNvPicPr>
          <p:nvPr userDrawn="1"/>
        </p:nvPicPr>
        <p:blipFill>
          <a:blip r:embed="rId11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-1976165" y="4621909"/>
            <a:ext cx="1916715" cy="57919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sp>
        <p:nvSpPr>
          <p:cNvPr id="12" name="TextBox 11"/>
          <p:cNvSpPr txBox="1"/>
          <p:nvPr userDrawn="1"/>
        </p:nvSpPr>
        <p:spPr>
          <a:xfrm>
            <a:off x="-1980728" y="5221649"/>
            <a:ext cx="1916715" cy="1015663"/>
          </a:xfrm>
          <a:prstGeom prst="rect">
            <a:avLst/>
          </a:prstGeom>
          <a:solidFill>
            <a:schemeClr val="bg1"/>
          </a:solidFill>
          <a:ln w="19050"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square" rtlCol="0">
            <a:spAutoFit/>
          </a:bodyPr>
          <a:lstStyle/>
          <a:p>
            <a:r>
              <a:rPr lang="en-GB" sz="1000" b="1" dirty="0">
                <a:solidFill>
                  <a:srgbClr val="D22630"/>
                </a:solidFill>
                <a:latin typeface="+mn-lt"/>
              </a:rPr>
              <a:t>Note</a:t>
            </a:r>
            <a:r>
              <a:rPr lang="en-GB" sz="1000" dirty="0">
                <a:solidFill>
                  <a:srgbClr val="D22630"/>
                </a:solidFill>
                <a:latin typeface="+mn-lt"/>
              </a:rPr>
              <a:t>: </a:t>
            </a:r>
            <a:r>
              <a:rPr lang="en-GB" sz="1000" dirty="0">
                <a:latin typeface="+mn-lt"/>
              </a:rPr>
              <a:t>To change text styles, place text cursor in text and choose to promote or demote level with one of</a:t>
            </a:r>
            <a:br>
              <a:rPr lang="en-GB" sz="1000" dirty="0">
                <a:latin typeface="+mn-lt"/>
              </a:rPr>
            </a:br>
            <a:r>
              <a:rPr lang="en-GB" sz="1000" dirty="0">
                <a:latin typeface="+mn-lt"/>
              </a:rPr>
              <a:t>the indicated buttons.</a:t>
            </a:r>
          </a:p>
          <a:p>
            <a:r>
              <a:rPr lang="en-GB" sz="1000" dirty="0">
                <a:latin typeface="+mn-lt"/>
              </a:rPr>
              <a:t>(located on the HOME tab)</a:t>
            </a:r>
          </a:p>
        </p:txBody>
      </p:sp>
      <p:sp>
        <p:nvSpPr>
          <p:cNvPr id="10" name="Freeform 5">
            <a:extLst>
              <a:ext uri="{FF2B5EF4-FFF2-40B4-BE49-F238E27FC236}">
                <a16:creationId xmlns:a16="http://schemas.microsoft.com/office/drawing/2014/main" id="{85A52B46-6772-3E4D-ABBA-989711B7B794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0622555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24" r:id="rId1"/>
    <p:sldLayoutId id="2147483825" r:id="rId2"/>
    <p:sldLayoutId id="2147483826" r:id="rId3"/>
    <p:sldLayoutId id="2147483827" r:id="rId4"/>
    <p:sldLayoutId id="2147483828" r:id="rId5"/>
    <p:sldLayoutId id="2147483829" r:id="rId6"/>
    <p:sldLayoutId id="2147483830" r:id="rId7"/>
    <p:sldLayoutId id="2147483831" r:id="rId8"/>
    <p:sldLayoutId id="2147483832" r:id="rId9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0" i="0" kern="1200" spc="-50" baseline="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1500"/>
        </a:spcAft>
        <a:buFont typeface="Arial" panose="020B0604020202020204" pitchFamily="34" charset="0"/>
        <a:buNone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216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2pPr>
      <a:lvl3pPr marL="432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3pPr>
      <a:lvl4pPr marL="648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 typeface="Aktiv Grotesk" panose="020B0504020202020204" pitchFamily="34" charset="0"/>
        <a:buChar char="–"/>
        <a:defRPr sz="2800" kern="1200">
          <a:solidFill>
            <a:schemeClr val="tx1"/>
          </a:solidFill>
          <a:latin typeface="Aktiv Grotesk" panose="020B0504020202020204" pitchFamily="34" charset="0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700"/>
        </a:spcAft>
        <a:buSzPct val="110000"/>
        <a:buFontTx/>
        <a:buNone/>
        <a:defRPr sz="28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5ACBF0"/>
          </p15:clr>
        </p15:guide>
        <p15:guide id="2" pos="3840">
          <p15:clr>
            <a:srgbClr val="5ACBF0"/>
          </p15:clr>
        </p15:guide>
        <p15:guide id="3" pos="240">
          <p15:clr>
            <a:srgbClr val="5ACBF0"/>
          </p15:clr>
        </p15:guide>
        <p15:guide id="4" pos="7434">
          <p15:clr>
            <a:srgbClr val="5ACBF0"/>
          </p15:clr>
        </p15:guide>
        <p15:guide id="5" orient="horz" pos="552">
          <p15:clr>
            <a:srgbClr val="5ACBF0"/>
          </p15:clr>
        </p15:guide>
        <p15:guide id="6" orient="horz" pos="252">
          <p15:clr>
            <a:srgbClr val="5ACBF0"/>
          </p15:clr>
        </p15:guide>
        <p15:guide id="7" orient="horz" pos="947">
          <p15:clr>
            <a:srgbClr val="5ACBF0"/>
          </p15:clr>
        </p15:guide>
        <p15:guide id="8" orient="horz" pos="3609">
          <p15:clr>
            <a:srgbClr val="5ACBF0"/>
          </p15:clr>
        </p15:guide>
        <p15:guide id="9" orient="horz" pos="4080">
          <p15:clr>
            <a:srgbClr val="5ACBF0"/>
          </p15:clr>
        </p15:guide>
        <p15:guide id="10" pos="3739">
          <p15:clr>
            <a:srgbClr val="F26B43"/>
          </p15:clr>
        </p15:guide>
        <p15:guide id="11" pos="3942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1.xml"/><Relationship Id="rId4" Type="http://schemas.openxmlformats.org/officeDocument/2006/relationships/image" Target="../media/image6.jpe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4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5.xml"/><Relationship Id="rId5" Type="http://schemas.openxmlformats.org/officeDocument/2006/relationships/image" Target="../media/image16.png"/><Relationship Id="rId4" Type="http://schemas.openxmlformats.org/officeDocument/2006/relationships/image" Target="../media/image15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eg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6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1.xml"/><Relationship Id="rId7" Type="http://schemas.openxmlformats.org/officeDocument/2006/relationships/image" Target="../media/image18.png"/><Relationship Id="rId2" Type="http://schemas.openxmlformats.org/officeDocument/2006/relationships/tags" Target="../tags/tag7.xml"/><Relationship Id="rId1" Type="http://schemas.openxmlformats.org/officeDocument/2006/relationships/vmlDrawing" Target="../drawings/vmlDrawing2.vml"/><Relationship Id="rId6" Type="http://schemas.openxmlformats.org/officeDocument/2006/relationships/image" Target="../media/image9.emf"/><Relationship Id="rId5" Type="http://schemas.openxmlformats.org/officeDocument/2006/relationships/oleObject" Target="../embeddings/oleObject2.bin"/><Relationship Id="rId4" Type="http://schemas.openxmlformats.org/officeDocument/2006/relationships/notesSlide" Target="../notesSlides/notesSlide9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eg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8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chart" Target="../charts/chart3.xml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18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19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eg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9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1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chart" Target="../charts/chart4.xml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18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7.xml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tags" Target="../tags/tag16.xml"/><Relationship Id="rId13" Type="http://schemas.openxmlformats.org/officeDocument/2006/relationships/tags" Target="../tags/tag21.xml"/><Relationship Id="rId18" Type="http://schemas.openxmlformats.org/officeDocument/2006/relationships/tags" Target="../tags/tag26.xml"/><Relationship Id="rId26" Type="http://schemas.openxmlformats.org/officeDocument/2006/relationships/oleObject" Target="../embeddings/oleObject3.bin"/><Relationship Id="rId3" Type="http://schemas.openxmlformats.org/officeDocument/2006/relationships/tags" Target="../tags/tag11.xml"/><Relationship Id="rId21" Type="http://schemas.openxmlformats.org/officeDocument/2006/relationships/tags" Target="../tags/tag29.xml"/><Relationship Id="rId7" Type="http://schemas.openxmlformats.org/officeDocument/2006/relationships/tags" Target="../tags/tag15.xml"/><Relationship Id="rId12" Type="http://schemas.openxmlformats.org/officeDocument/2006/relationships/tags" Target="../tags/tag20.xml"/><Relationship Id="rId17" Type="http://schemas.openxmlformats.org/officeDocument/2006/relationships/tags" Target="../tags/tag25.xml"/><Relationship Id="rId25" Type="http://schemas.openxmlformats.org/officeDocument/2006/relationships/notesSlide" Target="../notesSlides/notesSlide13.xml"/><Relationship Id="rId2" Type="http://schemas.openxmlformats.org/officeDocument/2006/relationships/tags" Target="../tags/tag10.xml"/><Relationship Id="rId16" Type="http://schemas.openxmlformats.org/officeDocument/2006/relationships/tags" Target="../tags/tag24.xml"/><Relationship Id="rId20" Type="http://schemas.openxmlformats.org/officeDocument/2006/relationships/tags" Target="../tags/tag28.xml"/><Relationship Id="rId1" Type="http://schemas.openxmlformats.org/officeDocument/2006/relationships/vmlDrawing" Target="../drawings/vmlDrawing3.vml"/><Relationship Id="rId6" Type="http://schemas.openxmlformats.org/officeDocument/2006/relationships/tags" Target="../tags/tag14.xml"/><Relationship Id="rId11" Type="http://schemas.openxmlformats.org/officeDocument/2006/relationships/tags" Target="../tags/tag19.xml"/><Relationship Id="rId24" Type="http://schemas.openxmlformats.org/officeDocument/2006/relationships/slideLayout" Target="../slideLayouts/slideLayout218.xml"/><Relationship Id="rId5" Type="http://schemas.openxmlformats.org/officeDocument/2006/relationships/tags" Target="../tags/tag13.xml"/><Relationship Id="rId15" Type="http://schemas.openxmlformats.org/officeDocument/2006/relationships/tags" Target="../tags/tag23.xml"/><Relationship Id="rId23" Type="http://schemas.openxmlformats.org/officeDocument/2006/relationships/tags" Target="../tags/tag31.xml"/><Relationship Id="rId28" Type="http://schemas.openxmlformats.org/officeDocument/2006/relationships/chart" Target="../charts/chart5.xml"/><Relationship Id="rId10" Type="http://schemas.openxmlformats.org/officeDocument/2006/relationships/tags" Target="../tags/tag18.xml"/><Relationship Id="rId19" Type="http://schemas.openxmlformats.org/officeDocument/2006/relationships/tags" Target="../tags/tag27.xml"/><Relationship Id="rId4" Type="http://schemas.openxmlformats.org/officeDocument/2006/relationships/tags" Target="../tags/tag12.xml"/><Relationship Id="rId9" Type="http://schemas.openxmlformats.org/officeDocument/2006/relationships/tags" Target="../tags/tag17.xml"/><Relationship Id="rId14" Type="http://schemas.openxmlformats.org/officeDocument/2006/relationships/tags" Target="../tags/tag22.xml"/><Relationship Id="rId22" Type="http://schemas.openxmlformats.org/officeDocument/2006/relationships/tags" Target="../tags/tag30.xml"/><Relationship Id="rId27" Type="http://schemas.openxmlformats.org/officeDocument/2006/relationships/image" Target="../media/image23.emf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20.xml"/><Relationship Id="rId7" Type="http://schemas.openxmlformats.org/officeDocument/2006/relationships/image" Target="../media/image24.emf"/><Relationship Id="rId2" Type="http://schemas.openxmlformats.org/officeDocument/2006/relationships/tags" Target="../tags/tag32.xml"/><Relationship Id="rId1" Type="http://schemas.openxmlformats.org/officeDocument/2006/relationships/vmlDrawing" Target="../drawings/vmlDrawing4.vml"/><Relationship Id="rId6" Type="http://schemas.openxmlformats.org/officeDocument/2006/relationships/image" Target="../media/image9.emf"/><Relationship Id="rId5" Type="http://schemas.openxmlformats.org/officeDocument/2006/relationships/oleObject" Target="../embeddings/oleObject4.bin"/><Relationship Id="rId4" Type="http://schemas.openxmlformats.org/officeDocument/2006/relationships/notesSlide" Target="../notesSlides/notesSlide14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g"/><Relationship Id="rId1" Type="http://schemas.openxmlformats.org/officeDocument/2006/relationships/slideLayout" Target="../slideLayouts/slideLayout10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chart" Target="../charts/chart6.xml"/><Relationship Id="rId1" Type="http://schemas.openxmlformats.org/officeDocument/2006/relationships/slideLayout" Target="../slideLayouts/slideLayout231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chart" Target="../charts/chart8.xml"/><Relationship Id="rId2" Type="http://schemas.openxmlformats.org/officeDocument/2006/relationships/chart" Target="../charts/chart7.xml"/><Relationship Id="rId1" Type="http://schemas.openxmlformats.org/officeDocument/2006/relationships/slideLayout" Target="../slideLayouts/slideLayout231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3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10.xml"/><Relationship Id="rId1" Type="http://schemas.openxmlformats.org/officeDocument/2006/relationships/tags" Target="../tags/tag1.xml"/><Relationship Id="rId4" Type="http://schemas.openxmlformats.org/officeDocument/2006/relationships/image" Target="../media/image8.bin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8.xml"/><Relationship Id="rId7" Type="http://schemas.openxmlformats.org/officeDocument/2006/relationships/chart" Target="../charts/chart1.xml"/><Relationship Id="rId2" Type="http://schemas.openxmlformats.org/officeDocument/2006/relationships/tags" Target="../tags/tag2.xml"/><Relationship Id="rId1" Type="http://schemas.openxmlformats.org/officeDocument/2006/relationships/vmlDrawing" Target="../drawings/vmlDrawing1.vml"/><Relationship Id="rId6" Type="http://schemas.openxmlformats.org/officeDocument/2006/relationships/image" Target="../media/image9.emf"/><Relationship Id="rId5" Type="http://schemas.openxmlformats.org/officeDocument/2006/relationships/oleObject" Target="../embeddings/oleObject1.bin"/><Relationship Id="rId4" Type="http://schemas.openxmlformats.org/officeDocument/2006/relationships/notesSlide" Target="../notesSlides/notesSlide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16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g"/><Relationship Id="rId1" Type="http://schemas.openxmlformats.org/officeDocument/2006/relationships/slideLayout" Target="../slideLayouts/slideLayout10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8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3.xml"/><Relationship Id="rId4" Type="http://schemas.openxmlformats.org/officeDocument/2006/relationships/image" Target="../media/image13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Placeholder 7">
            <a:extLst>
              <a:ext uri="{FF2B5EF4-FFF2-40B4-BE49-F238E27FC236}">
                <a16:creationId xmlns:a16="http://schemas.microsoft.com/office/drawing/2014/main" id="{61719167-9AFC-DE4E-B96F-0E9F4E757989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/>
      </p:pic>
      <p:sp>
        <p:nvSpPr>
          <p:cNvPr id="17" name="Subtitle 16"/>
          <p:cNvSpPr>
            <a:spLocks noGrp="1"/>
          </p:cNvSpPr>
          <p:nvPr>
            <p:ph type="subTitle" idx="1"/>
          </p:nvPr>
        </p:nvSpPr>
        <p:spPr>
          <a:xfrm>
            <a:off x="344245" y="3307810"/>
            <a:ext cx="4356847" cy="1748284"/>
          </a:xfrm>
        </p:spPr>
        <p:txBody>
          <a:bodyPr/>
          <a:lstStyle/>
          <a:p>
            <a:r>
              <a:rPr lang="en-GB" b="1" dirty="0"/>
              <a:t>IATA Update </a:t>
            </a:r>
          </a:p>
          <a:p>
            <a:r>
              <a:rPr lang="en-GB" b="1" dirty="0"/>
              <a:t>Elena Ciuperceanu</a:t>
            </a:r>
            <a:br>
              <a:rPr lang="en-GB" b="1" dirty="0"/>
            </a:br>
            <a:r>
              <a:rPr lang="en-GB" b="1" dirty="0"/>
              <a:t>IATA UK &amp; Ireland </a:t>
            </a:r>
          </a:p>
        </p:txBody>
      </p:sp>
      <p:sp>
        <p:nvSpPr>
          <p:cNvPr id="12" name="Freeform 5">
            <a:extLst>
              <a:ext uri="{FF2B5EF4-FFF2-40B4-BE49-F238E27FC236}">
                <a16:creationId xmlns:a16="http://schemas.microsoft.com/office/drawing/2014/main" id="{F8EBC734-0E89-CC45-A68A-9AA8FBB43BD2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A5A54F1B-38B7-5742-8F2E-C9513F76952D}"/>
              </a:ext>
            </a:extLst>
          </p:cNvPr>
          <p:cNvSpPr>
            <a:spLocks/>
          </p:cNvSpPr>
          <p:nvPr/>
        </p:nvSpPr>
        <p:spPr>
          <a:xfrm>
            <a:off x="-3456000" y="0"/>
            <a:ext cx="3312000" cy="3420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0000" tIns="180000" rIns="180000" bIns="180000" rtlCol="0" anchor="t" anchorCtr="0"/>
          <a:lstStyle/>
          <a:p>
            <a:pPr>
              <a:spcAft>
                <a:spcPts val="600"/>
              </a:spcAft>
            </a:pPr>
            <a:r>
              <a:rPr lang="en-GB" sz="1400" dirty="0">
                <a:solidFill>
                  <a:schemeClr val="tx1"/>
                </a:solidFill>
                <a:latin typeface="+mj-lt"/>
              </a:rPr>
              <a:t>TO </a:t>
            </a:r>
            <a:r>
              <a:rPr lang="en-GB" sz="1400" b="0" i="0" dirty="0">
                <a:solidFill>
                  <a:schemeClr val="tx1"/>
                </a:solidFill>
                <a:latin typeface="+mj-lt"/>
              </a:rPr>
              <a:t>REPLACE IMAGE:</a:t>
            </a:r>
            <a:endParaRPr lang="en-GB" sz="1400" dirty="0">
              <a:solidFill>
                <a:schemeClr val="tx1"/>
              </a:solidFill>
            </a:endParaRPr>
          </a:p>
          <a:p>
            <a:pPr marL="180000" indent="-180000">
              <a:buFont typeface="Arial" panose="020B0604020202020204" pitchFamily="34" charset="0"/>
              <a:buChar char="•"/>
            </a:pPr>
            <a:r>
              <a:rPr lang="en-GB" sz="1400" b="0" i="0" dirty="0">
                <a:solidFill>
                  <a:schemeClr val="tx1"/>
                </a:solidFill>
              </a:rPr>
              <a:t>Click on the picture, h</a:t>
            </a:r>
            <a:r>
              <a:rPr lang="en-GB" sz="1400" dirty="0">
                <a:solidFill>
                  <a:schemeClr val="tx1"/>
                </a:solidFill>
              </a:rPr>
              <a:t>it </a:t>
            </a:r>
            <a:r>
              <a:rPr lang="en-GB" sz="1400" dirty="0">
                <a:solidFill>
                  <a:schemeClr val="tx1"/>
                </a:solidFill>
                <a:latin typeface="+mj-lt"/>
              </a:rPr>
              <a:t>Delete</a:t>
            </a:r>
          </a:p>
          <a:p>
            <a:pPr marL="180000" indent="-180000">
              <a:buFont typeface="Arial" panose="020B0604020202020204" pitchFamily="34" charset="0"/>
              <a:buChar char="•"/>
            </a:pPr>
            <a:r>
              <a:rPr lang="en-GB" sz="1400" dirty="0">
                <a:solidFill>
                  <a:schemeClr val="tx1"/>
                </a:solidFill>
              </a:rPr>
              <a:t>Click the </a:t>
            </a:r>
            <a:r>
              <a:rPr lang="en-GB" sz="1400" dirty="0">
                <a:solidFill>
                  <a:schemeClr val="tx1"/>
                </a:solidFill>
                <a:latin typeface="+mj-lt"/>
              </a:rPr>
              <a:t>‘Add Picture</a:t>
            </a:r>
            <a:r>
              <a:rPr lang="en-GB" sz="1400" dirty="0">
                <a:solidFill>
                  <a:schemeClr val="tx1"/>
                </a:solidFill>
              </a:rPr>
              <a:t>’ icon</a:t>
            </a:r>
          </a:p>
          <a:p>
            <a:pPr marL="180000" indent="-180000">
              <a:buFont typeface="Arial" panose="020B0604020202020204" pitchFamily="34" charset="0"/>
              <a:buChar char="•"/>
            </a:pPr>
            <a:r>
              <a:rPr lang="en-GB" sz="1400" dirty="0">
                <a:solidFill>
                  <a:schemeClr val="tx1"/>
                </a:solidFill>
              </a:rPr>
              <a:t>Find your image &amp; click </a:t>
            </a:r>
            <a:r>
              <a:rPr lang="en-GB" sz="1400" dirty="0">
                <a:solidFill>
                  <a:schemeClr val="tx1"/>
                </a:solidFill>
                <a:latin typeface="+mj-lt"/>
              </a:rPr>
              <a:t>‘Insert’</a:t>
            </a:r>
          </a:p>
          <a:p>
            <a:pPr marL="180000" indent="-180000">
              <a:buFont typeface="Arial" panose="020B0604020202020204" pitchFamily="34" charset="0"/>
              <a:buChar char="•"/>
            </a:pPr>
            <a:r>
              <a:rPr lang="en-GB" sz="1400" dirty="0">
                <a:solidFill>
                  <a:schemeClr val="tx1"/>
                </a:solidFill>
              </a:rPr>
              <a:t>Right click on the image</a:t>
            </a:r>
          </a:p>
          <a:p>
            <a:pPr marL="180000" indent="-180000">
              <a:buFont typeface="Arial" panose="020B0604020202020204" pitchFamily="34" charset="0"/>
              <a:buChar char="•"/>
            </a:pPr>
            <a:r>
              <a:rPr lang="en-GB" sz="1400" dirty="0">
                <a:solidFill>
                  <a:schemeClr val="tx1"/>
                </a:solidFill>
              </a:rPr>
              <a:t>From the drop down menu select</a:t>
            </a:r>
            <a:br>
              <a:rPr lang="en-GB" sz="1400" dirty="0">
                <a:solidFill>
                  <a:schemeClr val="tx1"/>
                </a:solidFill>
              </a:rPr>
            </a:br>
            <a:r>
              <a:rPr lang="en-GB" sz="1400" dirty="0">
                <a:solidFill>
                  <a:schemeClr val="tx1"/>
                </a:solidFill>
                <a:latin typeface="+mj-lt"/>
              </a:rPr>
              <a:t>‘Send to Back’ </a:t>
            </a:r>
            <a:r>
              <a:rPr lang="en-GB" sz="1400" dirty="0">
                <a:solidFill>
                  <a:schemeClr val="tx1"/>
                </a:solidFill>
              </a:rPr>
              <a:t>to reveal the </a:t>
            </a:r>
            <a:br>
              <a:rPr lang="en-GB" sz="1400" dirty="0">
                <a:solidFill>
                  <a:schemeClr val="tx1"/>
                </a:solidFill>
              </a:rPr>
            </a:br>
            <a:r>
              <a:rPr lang="en-GB" sz="1400" dirty="0">
                <a:solidFill>
                  <a:schemeClr val="tx1"/>
                </a:solidFill>
              </a:rPr>
              <a:t>text &amp; logo</a:t>
            </a:r>
            <a:endParaRPr lang="en-GB" sz="1400" b="0" i="0" dirty="0">
              <a:solidFill>
                <a:schemeClr val="tx1"/>
              </a:solidFill>
            </a:endParaRPr>
          </a:p>
          <a:p>
            <a:endParaRPr lang="en-GB" sz="1400" dirty="0">
              <a:solidFill>
                <a:schemeClr val="tx1"/>
              </a:solidFill>
            </a:endParaRPr>
          </a:p>
          <a:p>
            <a:r>
              <a:rPr lang="en-GB" sz="1400" b="0" i="0" dirty="0">
                <a:solidFill>
                  <a:schemeClr val="tx1"/>
                </a:solidFill>
                <a:latin typeface="+mj-lt"/>
              </a:rPr>
              <a:t>** Please note that the date on the bottom left, automatically updates</a:t>
            </a:r>
            <a:endParaRPr lang="en-US" sz="1400" b="0" i="0" dirty="0">
              <a:solidFill>
                <a:schemeClr val="tx1"/>
              </a:solidFill>
              <a:latin typeface="+mj-lt"/>
            </a:endParaRPr>
          </a:p>
        </p:txBody>
      </p:sp>
      <p:sp>
        <p:nvSpPr>
          <p:cNvPr id="13" name="Subtitle 16">
            <a:extLst>
              <a:ext uri="{FF2B5EF4-FFF2-40B4-BE49-F238E27FC236}">
                <a16:creationId xmlns:a16="http://schemas.microsoft.com/office/drawing/2014/main" id="{00C4AE34-32E7-4EAF-89D7-47B444309BBE}"/>
              </a:ext>
            </a:extLst>
          </p:cNvPr>
          <p:cNvSpPr txBox="1">
            <a:spLocks/>
          </p:cNvSpPr>
          <p:nvPr/>
        </p:nvSpPr>
        <p:spPr>
          <a:xfrm>
            <a:off x="538947" y="1818043"/>
            <a:ext cx="4549732" cy="116182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ts val="3400"/>
              </a:lnSpc>
              <a:spcBef>
                <a:spcPts val="0"/>
              </a:spcBef>
              <a:spcAft>
                <a:spcPts val="1500"/>
              </a:spcAft>
              <a:buFont typeface="Arial" panose="020B0604020202020204" pitchFamily="34" charset="0"/>
              <a:buNone/>
              <a:defRPr sz="32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SzPct val="110000"/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Aktiv Grotesk" panose="020B0504020202020204" pitchFamily="34" charset="0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SzPct val="110000"/>
              <a:buFont typeface="Aktiv Grotesk" panose="020B0504020202020204" pitchFamily="34" charset="0"/>
              <a:buNone/>
              <a:defRPr sz="1800" kern="1200">
                <a:solidFill>
                  <a:schemeClr val="tx1"/>
                </a:solidFill>
                <a:latin typeface="Aktiv Grotesk" panose="020B0504020202020204" pitchFamily="34" charset="0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SzPct val="110000"/>
              <a:buFont typeface="Aktiv Grotesk" panose="020B0504020202020204" pitchFamily="34" charset="0"/>
              <a:buNone/>
              <a:defRPr sz="1600" kern="1200">
                <a:solidFill>
                  <a:schemeClr val="tx1"/>
                </a:solidFill>
                <a:latin typeface="Aktiv Grotesk" panose="020B0504020202020204" pitchFamily="34" charset="0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SzPct val="110000"/>
              <a:buFontTx/>
              <a:buNone/>
              <a:defRPr sz="16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b="1" dirty="0"/>
              <a:t>Air Conference  11May2022</a:t>
            </a:r>
            <a:endParaRPr lang="en-GB" b="1" dirty="0"/>
          </a:p>
        </p:txBody>
      </p:sp>
      <p:pic>
        <p:nvPicPr>
          <p:cNvPr id="3074" name="Picture 2" descr="The BTA - Business Travel Association - General Coronavirus Advice">
            <a:extLst>
              <a:ext uri="{FF2B5EF4-FFF2-40B4-BE49-F238E27FC236}">
                <a16:creationId xmlns:a16="http://schemas.microsoft.com/office/drawing/2014/main" id="{8E7C682B-ED24-4DF6-A7E4-D1ACF0C02F9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8947" y="505610"/>
            <a:ext cx="2981325" cy="13124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074282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8B3C1AE2-E090-440E-B2CF-77A7DFA999D8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3"/>
          <a:srcRect/>
          <a:stretch/>
        </p:blipFill>
        <p:spPr>
          <a:xfrm>
            <a:off x="0" y="-368808"/>
            <a:ext cx="12192000" cy="7595616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7EE2D1FE-7E16-4754-B08B-8BCB49C9982B}"/>
              </a:ext>
            </a:extLst>
          </p:cNvPr>
          <p:cNvSpPr/>
          <p:nvPr/>
        </p:nvSpPr>
        <p:spPr>
          <a:xfrm>
            <a:off x="2008250" y="1295400"/>
            <a:ext cx="7877176" cy="42672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9600" dirty="0"/>
              <a:t>Sustainability </a:t>
            </a:r>
            <a:endParaRPr lang="en-US" sz="9600" dirty="0"/>
          </a:p>
        </p:txBody>
      </p:sp>
    </p:spTree>
    <p:extLst>
      <p:ext uri="{BB962C8B-B14F-4D97-AF65-F5344CB8AC3E}">
        <p14:creationId xmlns:p14="http://schemas.microsoft.com/office/powerpoint/2010/main" val="6588978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0EB4B781-F40E-43E7-9560-28ACDED5B0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sz="4200" dirty="0"/>
              <a:t>Achieving net zero globally by 2050 needs collective effort </a:t>
            </a:r>
            <a:endParaRPr lang="en-US" dirty="0"/>
          </a:p>
        </p:txBody>
      </p:sp>
      <p:pic>
        <p:nvPicPr>
          <p:cNvPr id="11" name="Picture Placeholder 10" descr="Chart, pie chart&#10;&#10;Description automatically generated">
            <a:extLst>
              <a:ext uri="{FF2B5EF4-FFF2-40B4-BE49-F238E27FC236}">
                <a16:creationId xmlns:a16="http://schemas.microsoft.com/office/drawing/2014/main" id="{6A21862B-3384-459F-9C10-C822FF3102EE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87625" y="1251857"/>
            <a:ext cx="5201697" cy="4762265"/>
          </a:xfrm>
        </p:spPr>
      </p:pic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C6FEFDAD-BBCE-4213-980A-365E619C88AF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5758543" y="1533801"/>
            <a:ext cx="5823858" cy="4900338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b="1" dirty="0">
                <a:solidFill>
                  <a:schemeClr val="accent1"/>
                </a:solidFill>
              </a:rPr>
              <a:t>Combination of measures </a:t>
            </a:r>
          </a:p>
          <a:p>
            <a:r>
              <a:rPr lang="en-US" dirty="0"/>
              <a:t>Sustainable Aviation Fuel, new,  technologies, operational and infrastructure improvements, and offsetting/carbon capture. </a:t>
            </a:r>
          </a:p>
          <a:p>
            <a:pPr marL="0" indent="0">
              <a:buNone/>
            </a:pPr>
            <a:r>
              <a:rPr lang="en-US" b="1" dirty="0">
                <a:solidFill>
                  <a:schemeClr val="accent1"/>
                </a:solidFill>
              </a:rPr>
              <a:t>Collective effort </a:t>
            </a:r>
          </a:p>
          <a:p>
            <a:r>
              <a:rPr lang="en-US" dirty="0"/>
              <a:t>of the entire industry together with governments, oil producers and investors.</a:t>
            </a:r>
          </a:p>
          <a:p>
            <a:pPr marL="0" indent="0">
              <a:buNone/>
            </a:pPr>
            <a:endParaRPr lang="en-US" dirty="0"/>
          </a:p>
        </p:txBody>
      </p:sp>
      <p:pic>
        <p:nvPicPr>
          <p:cNvPr id="7" name="Picture 6" descr="Logo&#10;&#10;Description automatically generated with medium confidence">
            <a:extLst>
              <a:ext uri="{FF2B5EF4-FFF2-40B4-BE49-F238E27FC236}">
                <a16:creationId xmlns:a16="http://schemas.microsoft.com/office/drawing/2014/main" id="{CFD37410-730D-4EB6-9668-F7B2F4B7A13A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9548038" y="5925070"/>
            <a:ext cx="1085403" cy="662841"/>
          </a:xfrm>
          <a:prstGeom prst="rect">
            <a:avLst/>
          </a:prstGeom>
          <a:solidFill>
            <a:schemeClr val="bg1"/>
          </a:solidFill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744939600"/>
      </p:ext>
    </p:extLst>
  </p:cSld>
  <p:clrMapOvr>
    <a:masterClrMapping/>
  </p:clrMapOvr>
  <p:transition>
    <p:fade/>
  </p:transition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8EE68B7B-D439-4658-9498-5B5187326651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3"/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7EE2D1FE-7E16-4754-B08B-8BCB49C9982B}"/>
              </a:ext>
            </a:extLst>
          </p:cNvPr>
          <p:cNvSpPr/>
          <p:nvPr/>
        </p:nvSpPr>
        <p:spPr>
          <a:xfrm>
            <a:off x="2581275" y="1295400"/>
            <a:ext cx="7029450" cy="42672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9600" dirty="0"/>
              <a:t>COVID restrictions easing</a:t>
            </a:r>
            <a:endParaRPr lang="en-US" sz="9600" dirty="0"/>
          </a:p>
        </p:txBody>
      </p:sp>
    </p:spTree>
    <p:extLst>
      <p:ext uri="{BB962C8B-B14F-4D97-AF65-F5344CB8AC3E}">
        <p14:creationId xmlns:p14="http://schemas.microsoft.com/office/powerpoint/2010/main" val="30334124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ct 7" hidden="1">
            <a:extLst>
              <a:ext uri="{FF2B5EF4-FFF2-40B4-BE49-F238E27FC236}">
                <a16:creationId xmlns:a16="http://schemas.microsoft.com/office/drawing/2014/main" id="{59BF0E24-4C94-4A30-B754-D67DA91B286B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96" name="think-cell Slide" r:id="rId5" imgW="416" imgH="416" progId="TCLayout.ActiveDocument.1">
                  <p:embed/>
                </p:oleObj>
              </mc:Choice>
              <mc:Fallback>
                <p:oleObj name="think-cell Slide" r:id="rId5" imgW="416" imgH="416" progId="TCLayout.ActiveDocument.1">
                  <p:embed/>
                  <p:pic>
                    <p:nvPicPr>
                      <p:cNvPr id="8" name="Object 7" hidden="1">
                        <a:extLst>
                          <a:ext uri="{FF2B5EF4-FFF2-40B4-BE49-F238E27FC236}">
                            <a16:creationId xmlns:a16="http://schemas.microsoft.com/office/drawing/2014/main" id="{59BF0E24-4C94-4A30-B754-D67DA91B286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C6728950-71AA-4557-917B-B00BB323691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338" y="383585"/>
            <a:ext cx="11429324" cy="860701"/>
          </a:xfrm>
        </p:spPr>
        <p:txBody>
          <a:bodyPr vert="horz"/>
          <a:lstStyle/>
          <a:p>
            <a:r>
              <a:rPr lang="en-US" sz="3600" dirty="0"/>
              <a:t>International recovery particularly slow in Asia</a:t>
            </a:r>
            <a:br>
              <a:rPr lang="en-US" sz="3600" dirty="0"/>
            </a:br>
            <a:r>
              <a:rPr lang="en-US" sz="2800" dirty="0"/>
              <a:t>China may not reopen before H2 22. Rest of region reopens gradually</a:t>
            </a:r>
            <a:endParaRPr lang="en-US" sz="36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865A9CE-E9E8-4BAB-B9CE-7B50F8A5B62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82CEB40-7C69-47E5-9106-E566935D3F53}" type="datetime3">
              <a:rPr lang="en-US" smtClean="0"/>
              <a:pPr/>
              <a:t>18 May 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2F2BC3A-2038-4782-A214-F7DBFDA363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Source: IATA/Tourism Economics Air Passenger Forecast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6828C23-A53F-4CFB-A7F6-E88D333894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9E565A-6679-4A67-8FB7-14EA342FD6E1}" type="slidenum">
              <a:rPr lang="en-US" smtClean="0"/>
              <a:pPr/>
              <a:t>13</a:t>
            </a:fld>
            <a:endParaRPr lang="en-US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82FB120-56D4-4880-A18B-EF592BF23356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95817" y="1309154"/>
            <a:ext cx="11040813" cy="50357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46083364"/>
      </p:ext>
    </p:extLst>
  </p:cSld>
  <p:clrMapOvr>
    <a:masterClrMapping/>
  </p:clrMapOvr>
  <p:transition>
    <p:fade/>
  </p:transition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DB14FF40-7712-4DC8-A8B3-CA5E897FA1BF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3"/>
          <a:srcRect/>
          <a:stretch/>
        </p:blipFill>
        <p:spPr>
          <a:xfrm>
            <a:off x="-181642" y="-1392302"/>
            <a:ext cx="12373642" cy="8251159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7EE2D1FE-7E16-4754-B08B-8BCB49C9982B}"/>
              </a:ext>
            </a:extLst>
          </p:cNvPr>
          <p:cNvSpPr/>
          <p:nvPr/>
        </p:nvSpPr>
        <p:spPr>
          <a:xfrm>
            <a:off x="2581275" y="1295400"/>
            <a:ext cx="7029450" cy="42672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9600" dirty="0"/>
              <a:t>Pent up demand</a:t>
            </a:r>
            <a:endParaRPr lang="en-US" sz="9600" dirty="0"/>
          </a:p>
        </p:txBody>
      </p:sp>
    </p:spTree>
    <p:extLst>
      <p:ext uri="{BB962C8B-B14F-4D97-AF65-F5344CB8AC3E}">
        <p14:creationId xmlns:p14="http://schemas.microsoft.com/office/powerpoint/2010/main" val="18761427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474024C-8CAA-45BF-83CA-5B12B926E6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000" dirty="0"/>
              <a:t>Travel demand is still fragile in some markets</a:t>
            </a:r>
            <a:br>
              <a:rPr lang="en-US" sz="4000" dirty="0"/>
            </a:br>
            <a:r>
              <a:rPr lang="en-US" sz="2800" dirty="0"/>
              <a:t>Recovery led by price-sensitive leisure travelers</a:t>
            </a:r>
            <a:br>
              <a:rPr lang="en-US" sz="4000" dirty="0"/>
            </a:br>
            <a:br>
              <a:rPr lang="en-US" sz="4000" dirty="0"/>
            </a:br>
            <a:br>
              <a:rPr lang="en-US" sz="4000" dirty="0"/>
            </a:br>
            <a:br>
              <a:rPr lang="en-US" dirty="0"/>
            </a:br>
            <a:br>
              <a:rPr lang="en-US" dirty="0"/>
            </a:b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0AF516A-B48C-4F45-BA3B-CB091FFA3CC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7874344" y="6162324"/>
            <a:ext cx="2743200" cy="365125"/>
          </a:xfrm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98937FE-5C9B-40C9-8C55-48EB04CA346C}" type="datetime3">
              <a:rPr kumimoji="0" lang="en-US" sz="1400" b="0" i="0" u="none" strike="noStrike" kern="1200" cap="none" spc="0" normalizeH="0" baseline="0" noProof="0" smtClean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8 May 2022</a:t>
            </a:fld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87D5E74-812C-4F8E-B0D7-91B989C7FA5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6817030" cy="365125"/>
          </a:xfrm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Source: IATA Monthly Statistics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0B2590C-9B9F-4033-9D4D-7F1FE99E5C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A9E565A-6679-4A67-8FB7-14EA342FD6E1}" type="slidenum">
              <a:rPr kumimoji="0" lang="en-US" sz="1400" b="0" i="0" u="none" strike="noStrike" kern="1200" cap="none" spc="0" normalizeH="0" baseline="0" noProof="0" smtClean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5</a:t>
            </a:fld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graphicFrame>
        <p:nvGraphicFramePr>
          <p:cNvPr id="19" name="Content Placeholder 18">
            <a:extLst>
              <a:ext uri="{FF2B5EF4-FFF2-40B4-BE49-F238E27FC236}">
                <a16:creationId xmlns:a16="http://schemas.microsoft.com/office/drawing/2014/main" id="{5D36E7CA-E5CD-4250-8D0D-87DF5A44795C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241698022"/>
              </p:ext>
            </p:extLst>
          </p:nvPr>
        </p:nvGraphicFramePr>
        <p:xfrm>
          <a:off x="381000" y="1438274"/>
          <a:ext cx="11430000" cy="455083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1228877400"/>
      </p:ext>
    </p:extLst>
  </p:cSld>
  <p:clrMapOvr>
    <a:masterClrMapping/>
  </p:clrMapOvr>
  <p:transition>
    <p:fade/>
  </p:transition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>
            <a:extLst>
              <a:ext uri="{FF2B5EF4-FFF2-40B4-BE49-F238E27FC236}">
                <a16:creationId xmlns:a16="http://schemas.microsoft.com/office/drawing/2014/main" id="{44AC0966-AA2D-4BD0-BAD1-2D6C1D94353D}"/>
              </a:ext>
            </a:extLst>
          </p:cNvPr>
          <p:cNvSpPr txBox="1"/>
          <p:nvPr/>
        </p:nvSpPr>
        <p:spPr>
          <a:xfrm>
            <a:off x="431800" y="6337300"/>
            <a:ext cx="3848100" cy="3429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en-GB" dirty="0"/>
              <a:t>Source: </a:t>
            </a:r>
            <a:r>
              <a:rPr lang="en-GB" dirty="0" err="1"/>
              <a:t>Eurocontrol</a:t>
            </a:r>
            <a:r>
              <a:rPr lang="en-GB" dirty="0"/>
              <a:t> </a:t>
            </a:r>
            <a:endParaRPr lang="en-US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894FEF83-3D56-4E26-950C-36EF6053785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43712" y="566344"/>
            <a:ext cx="10704576" cy="51483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788427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E2A0F301-EA0F-40B7-9CA6-5F534E90BBA9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3"/>
          <a:srcRect/>
          <a:stretch/>
        </p:blipFill>
        <p:spPr>
          <a:xfrm>
            <a:off x="0" y="-715018"/>
            <a:ext cx="12192000" cy="8160528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7EE2D1FE-7E16-4754-B08B-8BCB49C9982B}"/>
              </a:ext>
            </a:extLst>
          </p:cNvPr>
          <p:cNvSpPr/>
          <p:nvPr/>
        </p:nvSpPr>
        <p:spPr>
          <a:xfrm>
            <a:off x="2581275" y="1295400"/>
            <a:ext cx="7029450" cy="42672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9600" dirty="0"/>
              <a:t>Cargo has flourished </a:t>
            </a:r>
            <a:endParaRPr lang="en-US" sz="9600" dirty="0"/>
          </a:p>
        </p:txBody>
      </p:sp>
    </p:spTree>
    <p:extLst>
      <p:ext uri="{BB962C8B-B14F-4D97-AF65-F5344CB8AC3E}">
        <p14:creationId xmlns:p14="http://schemas.microsoft.com/office/powerpoint/2010/main" val="776882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35E86F-5407-4C5E-A1CF-68B0347F1C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ir cargo has remained resilient throughout the  pandemic</a:t>
            </a:r>
            <a:endParaRPr lang="en-US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FDE4119C-8EEE-4E19-A39A-34CAAD3CE108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87625" y="1574800"/>
            <a:ext cx="7556225" cy="5308600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EBB9D6FA-1502-4D25-85AD-3722A8AD5183}"/>
              </a:ext>
            </a:extLst>
          </p:cNvPr>
          <p:cNvSpPr txBox="1"/>
          <p:nvPr/>
        </p:nvSpPr>
        <p:spPr>
          <a:xfrm>
            <a:off x="8064500" y="1549400"/>
            <a:ext cx="3987800" cy="39878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457200" indent="-45720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sz="2800" spc="-50" dirty="0">
                <a:solidFill>
                  <a:schemeClr val="accent1"/>
                </a:solidFill>
                <a:ea typeface="+mj-ea"/>
                <a:cs typeface="+mj-cs"/>
              </a:rPr>
              <a:t>2.9% YoY cargo growth (Feb 2022)</a:t>
            </a:r>
          </a:p>
          <a:p>
            <a:pPr marL="457200" indent="-45720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sz="2800" spc="-50" dirty="0">
                <a:solidFill>
                  <a:schemeClr val="accent1"/>
                </a:solidFill>
                <a:ea typeface="+mj-ea"/>
                <a:cs typeface="+mj-cs"/>
              </a:rPr>
              <a:t>Belly hold capacity returned strongly</a:t>
            </a:r>
          </a:p>
          <a:p>
            <a:pPr marL="457200" indent="-45720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sz="2800" spc="-50" dirty="0">
                <a:solidFill>
                  <a:schemeClr val="accent1"/>
                </a:solidFill>
                <a:ea typeface="+mj-ea"/>
                <a:cs typeface="+mj-cs"/>
              </a:rPr>
              <a:t>This helped to sustain passenger airline financial health </a:t>
            </a:r>
          </a:p>
        </p:txBody>
      </p:sp>
    </p:spTree>
    <p:extLst>
      <p:ext uri="{BB962C8B-B14F-4D97-AF65-F5344CB8AC3E}">
        <p14:creationId xmlns:p14="http://schemas.microsoft.com/office/powerpoint/2010/main" val="791647223"/>
      </p:ext>
    </p:extLst>
  </p:cSld>
  <p:clrMapOvr>
    <a:masterClrMapping/>
  </p:clrMapOvr>
  <p:transition>
    <p:fade/>
  </p:transition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8455745C-7A8A-4D29-97E3-AC88188B852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000" dirty="0"/>
              <a:t>But the World facing a new challenge:</a:t>
            </a:r>
            <a:br>
              <a:rPr lang="en-US" dirty="0"/>
            </a:br>
            <a:r>
              <a:rPr lang="en-US" sz="2800" dirty="0"/>
              <a:t>Attention turns to </a:t>
            </a:r>
            <a:r>
              <a:rPr lang="en-US" sz="2800" b="1" dirty="0"/>
              <a:t>Eastern Europe </a:t>
            </a:r>
            <a:r>
              <a:rPr lang="en-US" sz="2800" dirty="0"/>
              <a:t>as COVID concerns fade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BD4F72A-8565-410F-9550-3FC30EC467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8F5EBA1-C1C2-4F6F-970D-CFE4A81E1DB0}" type="datetime3">
              <a:rPr kumimoji="0" lang="en-US" sz="1400" b="0" i="0" u="none" strike="noStrike" kern="1200" cap="none" spc="0" normalizeH="0" baseline="0" noProof="0" smtClean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8 May 2022</a:t>
            </a:fld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A5ED292-F655-4801-8F5F-63DE76B644E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Source: Google trends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41B5F1B-6E3E-46A9-9EC7-A7F64F9B9E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A9E565A-6679-4A67-8FB7-14EA342FD6E1}" type="slidenum">
              <a:rPr kumimoji="0" lang="en-US" sz="1400" b="0" i="0" u="none" strike="noStrike" kern="1200" cap="none" spc="0" normalizeH="0" baseline="0" noProof="0" smtClean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9</a:t>
            </a:fld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graphicFrame>
        <p:nvGraphicFramePr>
          <p:cNvPr id="9" name="Content Placeholder 8">
            <a:extLst>
              <a:ext uri="{FF2B5EF4-FFF2-40B4-BE49-F238E27FC236}">
                <a16:creationId xmlns:a16="http://schemas.microsoft.com/office/drawing/2014/main" id="{63002D0A-7270-42A9-BD0A-57AF146920E3}"/>
              </a:ext>
            </a:extLst>
          </p:cNvPr>
          <p:cNvGraphicFramePr>
            <a:graphicFrameLocks noGrp="1"/>
          </p:cNvGraphicFramePr>
          <p:nvPr>
            <p:ph idx="1"/>
          </p:nvPr>
        </p:nvGraphicFramePr>
        <p:xfrm>
          <a:off x="380324" y="1343222"/>
          <a:ext cx="11430000" cy="492514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3251503464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8793B1B-D1AA-4883-8005-1D52093D82D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417055"/>
            <a:ext cx="11429324" cy="609398"/>
          </a:xfrm>
        </p:spPr>
        <p:txBody>
          <a:bodyPr anchor="t">
            <a:normAutofit fontScale="90000"/>
          </a:bodyPr>
          <a:lstStyle/>
          <a:p>
            <a:r>
              <a:rPr lang="en-GB" sz="6000" kern="0" dirty="0">
                <a:effectLst/>
              </a:rPr>
              <a:t>A global shock that no one expected</a:t>
            </a:r>
            <a:br>
              <a:rPr lang="en-US" sz="2100" b="1" kern="0" dirty="0">
                <a:effectLst/>
              </a:rPr>
            </a:br>
            <a:endParaRPr lang="en-US" sz="2100" dirty="0"/>
          </a:p>
        </p:txBody>
      </p:sp>
      <p:pic>
        <p:nvPicPr>
          <p:cNvPr id="1028" name="Picture 2">
            <a:extLst>
              <a:ext uri="{FF2B5EF4-FFF2-40B4-BE49-F238E27FC236}">
                <a16:creationId xmlns:a16="http://schemas.microsoft.com/office/drawing/2014/main" id="{4055D553-F436-4617-A4D4-C895BDC24EF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auto">
          <a:xfrm>
            <a:off x="160384" y="1155458"/>
            <a:ext cx="10674630" cy="5337315"/>
          </a:xfrm>
          <a:prstGeom prst="rect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536939475"/>
      </p:ext>
    </p:extLst>
  </p:cSld>
  <p:clrMapOvr>
    <a:masterClrMapping/>
  </p:clrMapOvr>
  <p:transition>
    <p:fade/>
  </p:transition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8" name="Object 17" hidden="1">
            <a:extLst>
              <a:ext uri="{FF2B5EF4-FFF2-40B4-BE49-F238E27FC236}">
                <a16:creationId xmlns:a16="http://schemas.microsoft.com/office/drawing/2014/main" id="{C142B469-B879-4376-B998-C5452A2BD8E8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135" name="think-cell Slide" r:id="rId26" imgW="520" imgH="520" progId="TCLayout.ActiveDocument.1">
                  <p:embed/>
                </p:oleObj>
              </mc:Choice>
              <mc:Fallback>
                <p:oleObj name="think-cell Slide" r:id="rId26" imgW="520" imgH="520" progId="TCLayout.ActiveDocument.1">
                  <p:embed/>
                  <p:pic>
                    <p:nvPicPr>
                      <p:cNvPr id="18" name="Object 17" hidden="1">
                        <a:extLst>
                          <a:ext uri="{FF2B5EF4-FFF2-40B4-BE49-F238E27FC236}">
                            <a16:creationId xmlns:a16="http://schemas.microsoft.com/office/drawing/2014/main" id="{C142B469-B879-4376-B998-C5452A2BD8E8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7086DF03-F9D4-4C8A-A790-8DD3E980F48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261938"/>
            <a:ext cx="11429324" cy="1038225"/>
          </a:xfrm>
        </p:spPr>
        <p:txBody>
          <a:bodyPr vert="horz"/>
          <a:lstStyle/>
          <a:p>
            <a:r>
              <a:rPr lang="en-US" sz="4000" b="1" dirty="0"/>
              <a:t>10 most affected countries </a:t>
            </a:r>
            <a:r>
              <a:rPr lang="en-US" sz="4000" dirty="0"/>
              <a:t>are in Eastern Europe: </a:t>
            </a:r>
            <a:r>
              <a:rPr lang="en-US" sz="2800" dirty="0"/>
              <a:t>Ukraine and Moldova show the largest fall in bookings</a:t>
            </a:r>
            <a:br>
              <a:rPr lang="en-US" sz="4000" dirty="0"/>
            </a:br>
            <a:endParaRPr lang="en-US" sz="40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DE4F7CD-AAD9-4274-843D-1900D851B0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98937FE-5C9B-40C9-8C55-48EB04CA346C}" type="datetime3">
              <a:rPr kumimoji="0" lang="en-US" sz="1400" b="0" i="0" u="none" strike="noStrike" kern="1200" cap="none" spc="0" normalizeH="0" baseline="0" noProof="0" smtClean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8 May 2022</a:t>
            </a:fld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E82E6B1-54B1-4739-8448-1064840CDF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A9E565A-6679-4A67-8FB7-14EA342FD6E1}" type="slidenum">
              <a:rPr kumimoji="0" lang="en-US" sz="1400" b="0" i="0" u="none" strike="noStrike" kern="1200" cap="none" spc="0" normalizeH="0" baseline="0" noProof="0" smtClean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0</a:t>
            </a:fld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graphicFrame>
        <p:nvGraphicFramePr>
          <p:cNvPr id="66" name="Chart 65">
            <a:extLst>
              <a:ext uri="{FF2B5EF4-FFF2-40B4-BE49-F238E27FC236}">
                <a16:creationId xmlns:a16="http://schemas.microsoft.com/office/drawing/2014/main" id="{8D88D401-6A84-4F46-AD40-8D3AFE8533B0}"/>
              </a:ext>
            </a:extLst>
          </p:cNvPr>
          <p:cNvGraphicFramePr/>
          <p:nvPr>
            <p:custDataLst>
              <p:tags r:id="rId3"/>
            </p:custDataLst>
          </p:nvPr>
        </p:nvGraphicFramePr>
        <p:xfrm>
          <a:off x="873125" y="2247900"/>
          <a:ext cx="10252075" cy="277495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8"/>
          </a:graphicData>
        </a:graphic>
      </p:graphicFrame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6015A1F1-8128-4C7E-90C2-0A9DA95A353A}"/>
              </a:ext>
            </a:extLst>
          </p:cNvPr>
          <p:cNvSpPr>
            <a:spLocks noGrp="1"/>
          </p:cNvSpPr>
          <p:nvPr>
            <p:custDataLst>
              <p:tags r:id="rId4"/>
            </p:custDataLst>
          </p:nvPr>
        </p:nvSpPr>
        <p:spPr bwMode="auto">
          <a:xfrm>
            <a:off x="1144588" y="5216525"/>
            <a:ext cx="630238" cy="1920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70862650-CB33-4649-B598-A7DDE57B76BB}" type="datetime'''U''''''''''''''''''kr''''''''''a''''''''''i''''ne'''">
              <a:rPr kumimoji="0" lang="en-US" altLang="en-US" sz="14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t>Ukraine</a:t>
            </a:fld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6015A1F1-8128-4C7E-90C2-0A9DA95A353A}"/>
              </a:ext>
            </a:extLst>
          </p:cNvPr>
          <p:cNvSpPr>
            <a:spLocks noGrp="1"/>
          </p:cNvSpPr>
          <p:nvPr>
            <p:custDataLst>
              <p:tags r:id="rId5"/>
            </p:custDataLst>
          </p:nvPr>
        </p:nvSpPr>
        <p:spPr bwMode="auto">
          <a:xfrm>
            <a:off x="2114550" y="5216525"/>
            <a:ext cx="709613" cy="1920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7DFF281D-49C8-4F14-999D-89B79DF5D79C}" type="datetime'''''''M''''o''''l''''''''''''''d''''''''o''v''''''a'">
              <a:rPr kumimoji="0" lang="en-US" altLang="en-US" sz="14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t>Moldova</a:t>
            </a:fld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sp>
        <p:nvSpPr>
          <p:cNvPr id="46" name="Text Placeholder 2">
            <a:extLst>
              <a:ext uri="{FF2B5EF4-FFF2-40B4-BE49-F238E27FC236}">
                <a16:creationId xmlns:a16="http://schemas.microsoft.com/office/drawing/2014/main" id="{6015A1F1-8128-4C7E-90C2-0A9DA95A353A}"/>
              </a:ext>
            </a:extLst>
          </p:cNvPr>
          <p:cNvSpPr>
            <a:spLocks noGrp="1"/>
          </p:cNvSpPr>
          <p:nvPr>
            <p:custDataLst>
              <p:tags r:id="rId6"/>
            </p:custDataLst>
          </p:nvPr>
        </p:nvSpPr>
        <p:spPr bwMode="gray">
          <a:xfrm>
            <a:off x="3230563" y="3286125"/>
            <a:ext cx="493713" cy="1920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25400" tIns="0" rIns="25400" bIns="0" numCol="1" spcCol="0" rtlCol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8FD7F1F4-01A9-4C3D-B6F3-E6EE60D50357}" type="datetime'''''''''-''5''''''''''''2''''''%'''''">
              <a:rPr kumimoji="0" lang="en-US" altLang="en-US" sz="14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t>-52%</a:t>
            </a:fld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6015A1F1-8128-4C7E-90C2-0A9DA95A353A}"/>
              </a:ext>
            </a:extLst>
          </p:cNvPr>
          <p:cNvSpPr>
            <a:spLocks noGrp="1"/>
          </p:cNvSpPr>
          <p:nvPr>
            <p:custDataLst>
              <p:tags r:id="rId7"/>
            </p:custDataLst>
          </p:nvPr>
        </p:nvSpPr>
        <p:spPr bwMode="auto">
          <a:xfrm>
            <a:off x="3030538" y="5216525"/>
            <a:ext cx="892175" cy="3841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square" lIns="0" tIns="0" rIns="0" bIns="0" numCol="1" spcCol="0" rtlCol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6DD7E4BC-244C-4537-858E-0B2844ED4CB7}" type="datetime'''Ru''''ss''''ian F''e''''''d''''''''era''''tio''n'''''">
              <a:rPr kumimoji="0" lang="en-US" altLang="en-US" sz="14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t>Russian Federation</a:t>
            </a:fld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sp>
        <p:nvSpPr>
          <p:cNvPr id="23" name="Text Placeholder 2">
            <a:extLst>
              <a:ext uri="{FF2B5EF4-FFF2-40B4-BE49-F238E27FC236}">
                <a16:creationId xmlns:a16="http://schemas.microsoft.com/office/drawing/2014/main" id="{E335C683-9446-4CAB-AED3-C0309E703954}"/>
              </a:ext>
            </a:extLst>
          </p:cNvPr>
          <p:cNvSpPr>
            <a:spLocks noGrp="1"/>
          </p:cNvSpPr>
          <p:nvPr>
            <p:custDataLst>
              <p:tags r:id="rId8"/>
            </p:custDataLst>
          </p:nvPr>
        </p:nvSpPr>
        <p:spPr bwMode="auto">
          <a:xfrm>
            <a:off x="4238625" y="5216525"/>
            <a:ext cx="496888" cy="1920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33A1F27B-4216-42E0-9790-6160527B459A}" type="datetime'''La''''''t''''''''''''v''i''''''''''''''''''a'''''">
              <a:rPr kumimoji="0" lang="en-US" altLang="en-US" sz="14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t>Latvia</a:t>
            </a:fld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sp>
        <p:nvSpPr>
          <p:cNvPr id="28" name="Text Placeholder 2">
            <a:extLst>
              <a:ext uri="{FF2B5EF4-FFF2-40B4-BE49-F238E27FC236}">
                <a16:creationId xmlns:a16="http://schemas.microsoft.com/office/drawing/2014/main" id="{ABF14DAA-6A9A-4235-B6F4-990F65D134E3}"/>
              </a:ext>
            </a:extLst>
          </p:cNvPr>
          <p:cNvSpPr>
            <a:spLocks noGrp="1"/>
          </p:cNvSpPr>
          <p:nvPr>
            <p:custDataLst>
              <p:tags r:id="rId9"/>
            </p:custDataLst>
          </p:nvPr>
        </p:nvSpPr>
        <p:spPr bwMode="auto">
          <a:xfrm>
            <a:off x="5160963" y="5216525"/>
            <a:ext cx="666750" cy="1920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222A77C4-C1DA-4068-86BE-49B57590F8D4}" type="datetime'''''''''''''Bu''''lgar''''''''''''''''''i''''''a'''''''''">
              <a:rPr kumimoji="0" lang="en-US" altLang="en-US" sz="14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t>Bulgaria</a:t>
            </a:fld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sp>
        <p:nvSpPr>
          <p:cNvPr id="29" name="Text Placeholder 2">
            <a:extLst>
              <a:ext uri="{FF2B5EF4-FFF2-40B4-BE49-F238E27FC236}">
                <a16:creationId xmlns:a16="http://schemas.microsoft.com/office/drawing/2014/main" id="{6B6AAF25-7480-412B-95A7-44D6D894D74D}"/>
              </a:ext>
            </a:extLst>
          </p:cNvPr>
          <p:cNvSpPr>
            <a:spLocks noGrp="1"/>
          </p:cNvSpPr>
          <p:nvPr>
            <p:custDataLst>
              <p:tags r:id="rId10"/>
            </p:custDataLst>
          </p:nvPr>
        </p:nvSpPr>
        <p:spPr bwMode="auto">
          <a:xfrm>
            <a:off x="6151563" y="5216525"/>
            <a:ext cx="703263" cy="1920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51944761-B446-42AA-A24D-7D7331678000}" type="datetime'''''''''Sl''''''''''''''''o''''v''''''''''e''''nia'''''''''">
              <a:rPr kumimoji="0" lang="en-US" altLang="en-US" sz="14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t>Slovenia</a:t>
            </a:fld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sp>
        <p:nvSpPr>
          <p:cNvPr id="31" name="Text Placeholder 2">
            <a:extLst>
              <a:ext uri="{FF2B5EF4-FFF2-40B4-BE49-F238E27FC236}">
                <a16:creationId xmlns:a16="http://schemas.microsoft.com/office/drawing/2014/main" id="{6639C890-7CA9-4F16-B076-4F396F455821}"/>
              </a:ext>
            </a:extLst>
          </p:cNvPr>
          <p:cNvSpPr>
            <a:spLocks noGrp="1"/>
          </p:cNvSpPr>
          <p:nvPr>
            <p:custDataLst>
              <p:tags r:id="rId11"/>
            </p:custDataLst>
          </p:nvPr>
        </p:nvSpPr>
        <p:spPr bwMode="auto">
          <a:xfrm>
            <a:off x="8212138" y="5216525"/>
            <a:ext cx="615950" cy="1920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C5940355-687C-4B7D-A14E-7732037F4333}" type="datetime'E''''''''''s''''ton''''''''''''''i''a'''''''''''''''''''''">
              <a:rPr kumimoji="0" lang="en-US" altLang="en-US" sz="14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t>Estonia</a:t>
            </a:fld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sp>
        <p:nvSpPr>
          <p:cNvPr id="30" name="Text Placeholder 2">
            <a:extLst>
              <a:ext uri="{FF2B5EF4-FFF2-40B4-BE49-F238E27FC236}">
                <a16:creationId xmlns:a16="http://schemas.microsoft.com/office/drawing/2014/main" id="{B9E81EA1-EF0F-496D-B134-621B9F55847B}"/>
              </a:ext>
            </a:extLst>
          </p:cNvPr>
          <p:cNvSpPr>
            <a:spLocks noGrp="1"/>
          </p:cNvSpPr>
          <p:nvPr>
            <p:custDataLst>
              <p:tags r:id="rId12"/>
            </p:custDataLst>
          </p:nvPr>
        </p:nvSpPr>
        <p:spPr bwMode="auto">
          <a:xfrm>
            <a:off x="7138988" y="5216525"/>
            <a:ext cx="747713" cy="1920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FCB59784-0B93-473D-97F9-143187CCAE67}" type="datetime'''''L''i''''''''''''t''''''''''''hu''''''an''''i''a'">
              <a:rPr kumimoji="0" lang="en-US" altLang="en-US" sz="14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t>Lithuania</a:t>
            </a:fld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sp>
        <p:nvSpPr>
          <p:cNvPr id="32" name="Text Placeholder 2">
            <a:extLst>
              <a:ext uri="{FF2B5EF4-FFF2-40B4-BE49-F238E27FC236}">
                <a16:creationId xmlns:a16="http://schemas.microsoft.com/office/drawing/2014/main" id="{547FD325-B7D4-443E-8A86-F33ABD62ABCA}"/>
              </a:ext>
            </a:extLst>
          </p:cNvPr>
          <p:cNvSpPr>
            <a:spLocks noGrp="1"/>
          </p:cNvSpPr>
          <p:nvPr>
            <p:custDataLst>
              <p:tags r:id="rId13"/>
            </p:custDataLst>
          </p:nvPr>
        </p:nvSpPr>
        <p:spPr bwMode="auto">
          <a:xfrm>
            <a:off x="9228138" y="5216525"/>
            <a:ext cx="603250" cy="1920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0" tIns="0" rIns="0" bIns="0" numCol="1" spcCol="0" rtlCol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C6678D69-7BD2-4762-AFDD-8AF421B02A42}" type="datetime'''''''''''''''C''ro''a''''''''''''''''''''''t''i''''''a'''''''">
              <a:rPr kumimoji="0" lang="en-US" altLang="en-US" sz="14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t>Croatia</a:t>
            </a:fld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sp>
        <p:nvSpPr>
          <p:cNvPr id="33" name="Text Placeholder 2">
            <a:extLst>
              <a:ext uri="{FF2B5EF4-FFF2-40B4-BE49-F238E27FC236}">
                <a16:creationId xmlns:a16="http://schemas.microsoft.com/office/drawing/2014/main" id="{8C4C6998-2AB9-4856-856A-0E66A5A9CF17}"/>
              </a:ext>
            </a:extLst>
          </p:cNvPr>
          <p:cNvSpPr>
            <a:spLocks noGrp="1"/>
          </p:cNvSpPr>
          <p:nvPr>
            <p:custDataLst>
              <p:tags r:id="rId14"/>
            </p:custDataLst>
          </p:nvPr>
        </p:nvSpPr>
        <p:spPr bwMode="auto">
          <a:xfrm>
            <a:off x="10179050" y="5216525"/>
            <a:ext cx="719138" cy="3841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square" lIns="0" tIns="0" rIns="0" bIns="0" numCol="1" spcCol="0" rtlCol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024D32E0-F568-4F54-B67F-68C2DE17AAE3}" type="datetime'''''Cz''''''''''ec''''''''h'' Re''''p''''''u''b''''l''''i''c'">
              <a:rPr kumimoji="0" lang="en-US" altLang="en-US" sz="14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t>Czech Republic</a:t>
            </a:fld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sp>
        <p:nvSpPr>
          <p:cNvPr id="44" name="Text Placeholder 2">
            <a:extLst>
              <a:ext uri="{FF2B5EF4-FFF2-40B4-BE49-F238E27FC236}">
                <a16:creationId xmlns:a16="http://schemas.microsoft.com/office/drawing/2014/main" id="{6015A1F1-8128-4C7E-90C2-0A9DA95A353A}"/>
              </a:ext>
            </a:extLst>
          </p:cNvPr>
          <p:cNvSpPr>
            <a:spLocks noGrp="1"/>
          </p:cNvSpPr>
          <p:nvPr>
            <p:custDataLst>
              <p:tags r:id="rId15"/>
            </p:custDataLst>
          </p:nvPr>
        </p:nvSpPr>
        <p:spPr bwMode="gray">
          <a:xfrm>
            <a:off x="1160463" y="4965700"/>
            <a:ext cx="598488" cy="1920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25400" tIns="0" rIns="25400" bIns="0" numCol="1" spcCol="0" rtlCol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E70F1088-E764-4D9E-A26F-7FECA5A907DC}" type="datetime'''''''''''-''1''''4''''''''''''''''''''5%'''''''''''''''''''">
              <a:rPr kumimoji="0" lang="en-US" altLang="en-US" sz="14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t>-145%</a:t>
            </a:fld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sp>
        <p:nvSpPr>
          <p:cNvPr id="45" name="Text Placeholder 2">
            <a:extLst>
              <a:ext uri="{FF2B5EF4-FFF2-40B4-BE49-F238E27FC236}">
                <a16:creationId xmlns:a16="http://schemas.microsoft.com/office/drawing/2014/main" id="{6015A1F1-8128-4C7E-90C2-0A9DA95A353A}"/>
              </a:ext>
            </a:extLst>
          </p:cNvPr>
          <p:cNvSpPr>
            <a:spLocks noGrp="1"/>
          </p:cNvSpPr>
          <p:nvPr>
            <p:custDataLst>
              <p:tags r:id="rId16"/>
            </p:custDataLst>
          </p:nvPr>
        </p:nvSpPr>
        <p:spPr bwMode="gray">
          <a:xfrm>
            <a:off x="2170113" y="4373563"/>
            <a:ext cx="598488" cy="1920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25400" tIns="0" rIns="25400" bIns="0" numCol="1" spcCol="0" rtlCol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ECE54F9F-A069-400A-BB0F-BAB78FE2153D}" type="datetime'''''''''''''-''''''1''''''''''12''''''''''''%'''''">
              <a:rPr kumimoji="0" lang="en-US" altLang="en-US" sz="14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t>-112%</a:t>
            </a:fld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sp>
        <p:nvSpPr>
          <p:cNvPr id="47" name="Text Placeholder 2">
            <a:extLst>
              <a:ext uri="{FF2B5EF4-FFF2-40B4-BE49-F238E27FC236}">
                <a16:creationId xmlns:a16="http://schemas.microsoft.com/office/drawing/2014/main" id="{6015A1F1-8128-4C7E-90C2-0A9DA95A353A}"/>
              </a:ext>
            </a:extLst>
          </p:cNvPr>
          <p:cNvSpPr>
            <a:spLocks noGrp="1"/>
          </p:cNvSpPr>
          <p:nvPr>
            <p:custDataLst>
              <p:tags r:id="rId17"/>
            </p:custDataLst>
          </p:nvPr>
        </p:nvSpPr>
        <p:spPr bwMode="gray">
          <a:xfrm>
            <a:off x="4240213" y="3109913"/>
            <a:ext cx="493713" cy="1920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25400" tIns="0" rIns="25400" bIns="0" numCol="1" spcCol="0" rtlCol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F83D98D0-910F-44BD-AB6C-5E4EFF518C3F}" type="datetime'''''''''-''''42%'''''''''''''''''''''''''''''''''''''">
              <a:rPr kumimoji="0" lang="en-US" altLang="en-US" sz="14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t>-42%</a:t>
            </a:fld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sp>
        <p:nvSpPr>
          <p:cNvPr id="48" name="Text Placeholder 2">
            <a:extLst>
              <a:ext uri="{FF2B5EF4-FFF2-40B4-BE49-F238E27FC236}">
                <a16:creationId xmlns:a16="http://schemas.microsoft.com/office/drawing/2014/main" id="{6015A1F1-8128-4C7E-90C2-0A9DA95A353A}"/>
              </a:ext>
            </a:extLst>
          </p:cNvPr>
          <p:cNvSpPr>
            <a:spLocks noGrp="1"/>
          </p:cNvSpPr>
          <p:nvPr>
            <p:custDataLst>
              <p:tags r:id="rId18"/>
            </p:custDataLst>
          </p:nvPr>
        </p:nvSpPr>
        <p:spPr bwMode="gray">
          <a:xfrm>
            <a:off x="5248275" y="2959100"/>
            <a:ext cx="493713" cy="1920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25400" tIns="0" rIns="25400" bIns="0" numCol="1" spcCol="0" rtlCol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9FA9A178-A6F7-4519-8DF0-EE4BFA976862}" type="datetime'-''''''3''''''''''4''''''''''''%'''''''''''''''''''">
              <a:rPr kumimoji="0" lang="en-US" altLang="en-US" sz="14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t>-34%</a:t>
            </a:fld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sp>
        <p:nvSpPr>
          <p:cNvPr id="49" name="Text Placeholder 2">
            <a:extLst>
              <a:ext uri="{FF2B5EF4-FFF2-40B4-BE49-F238E27FC236}">
                <a16:creationId xmlns:a16="http://schemas.microsoft.com/office/drawing/2014/main" id="{6015A1F1-8128-4C7E-90C2-0A9DA95A353A}"/>
              </a:ext>
            </a:extLst>
          </p:cNvPr>
          <p:cNvSpPr>
            <a:spLocks noGrp="1"/>
          </p:cNvSpPr>
          <p:nvPr>
            <p:custDataLst>
              <p:tags r:id="rId19"/>
            </p:custDataLst>
          </p:nvPr>
        </p:nvSpPr>
        <p:spPr bwMode="gray">
          <a:xfrm>
            <a:off x="6256338" y="2921000"/>
            <a:ext cx="493713" cy="1920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25400" tIns="0" rIns="25400" bIns="0" numCol="1" spcCol="0" rtlCol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776FDEF0-F2AA-4253-8D3D-ED7B338CDB66}" type="datetime'''''''-''''''''''''''''''''''31''%'''''''''">
              <a:rPr kumimoji="0" lang="en-US" altLang="en-US" sz="14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t>-31%</a:t>
            </a:fld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sp>
        <p:nvSpPr>
          <p:cNvPr id="50" name="Text Placeholder 2">
            <a:extLst>
              <a:ext uri="{FF2B5EF4-FFF2-40B4-BE49-F238E27FC236}">
                <a16:creationId xmlns:a16="http://schemas.microsoft.com/office/drawing/2014/main" id="{6015A1F1-8128-4C7E-90C2-0A9DA95A353A}"/>
              </a:ext>
            </a:extLst>
          </p:cNvPr>
          <p:cNvSpPr>
            <a:spLocks noGrp="1"/>
          </p:cNvSpPr>
          <p:nvPr>
            <p:custDataLst>
              <p:tags r:id="rId20"/>
            </p:custDataLst>
          </p:nvPr>
        </p:nvSpPr>
        <p:spPr bwMode="gray">
          <a:xfrm>
            <a:off x="7265988" y="2919413"/>
            <a:ext cx="493713" cy="1920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25400" tIns="0" rIns="25400" bIns="0" numCol="1" spcCol="0" rtlCol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B01F5758-E781-4754-A2F7-72EF362998F4}" type="datetime'''''''-''3''''''''''''''''1''''''''''''''''''%'''">
              <a:rPr kumimoji="0" lang="en-US" altLang="en-US" sz="14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t>-31%</a:t>
            </a:fld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sp>
        <p:nvSpPr>
          <p:cNvPr id="51" name="Text Placeholder 2">
            <a:extLst>
              <a:ext uri="{FF2B5EF4-FFF2-40B4-BE49-F238E27FC236}">
                <a16:creationId xmlns:a16="http://schemas.microsoft.com/office/drawing/2014/main" id="{6015A1F1-8128-4C7E-90C2-0A9DA95A353A}"/>
              </a:ext>
            </a:extLst>
          </p:cNvPr>
          <p:cNvSpPr>
            <a:spLocks noGrp="1"/>
          </p:cNvSpPr>
          <p:nvPr>
            <p:custDataLst>
              <p:tags r:id="rId21"/>
            </p:custDataLst>
          </p:nvPr>
        </p:nvSpPr>
        <p:spPr bwMode="gray">
          <a:xfrm>
            <a:off x="8274050" y="2913063"/>
            <a:ext cx="493713" cy="1920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25400" tIns="0" rIns="25400" bIns="0" numCol="1" spcCol="0" rtlCol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A94FCA51-D5A1-4938-94D9-B21E41733AAD}" type="datetime'''''''''''-''''3''''''''''''''''''''1''''''%'''">
              <a:rPr kumimoji="0" lang="en-US" altLang="en-US" sz="14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t>-31%</a:t>
            </a:fld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sp>
        <p:nvSpPr>
          <p:cNvPr id="52" name="Text Placeholder 2">
            <a:extLst>
              <a:ext uri="{FF2B5EF4-FFF2-40B4-BE49-F238E27FC236}">
                <a16:creationId xmlns:a16="http://schemas.microsoft.com/office/drawing/2014/main" id="{6015A1F1-8128-4C7E-90C2-0A9DA95A353A}"/>
              </a:ext>
            </a:extLst>
          </p:cNvPr>
          <p:cNvSpPr>
            <a:spLocks noGrp="1"/>
          </p:cNvSpPr>
          <p:nvPr>
            <p:custDataLst>
              <p:tags r:id="rId22"/>
            </p:custDataLst>
          </p:nvPr>
        </p:nvSpPr>
        <p:spPr bwMode="gray">
          <a:xfrm>
            <a:off x="9283700" y="2849563"/>
            <a:ext cx="493713" cy="1920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25400" tIns="0" rIns="25400" bIns="0" numCol="1" spcCol="0" rtlCol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8F1B36F2-F39E-422C-BED2-15CA3CE8E70A}" type="datetime'''-''''''''''''''''''''''''2''''''''''''''''''''''''7%'''''">
              <a:rPr kumimoji="0" lang="en-US" altLang="en-US" sz="14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t>-27%</a:t>
            </a:fld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sp>
        <p:nvSpPr>
          <p:cNvPr id="53" name="Text Placeholder 2">
            <a:extLst>
              <a:ext uri="{FF2B5EF4-FFF2-40B4-BE49-F238E27FC236}">
                <a16:creationId xmlns:a16="http://schemas.microsoft.com/office/drawing/2014/main" id="{6015A1F1-8128-4C7E-90C2-0A9DA95A353A}"/>
              </a:ext>
            </a:extLst>
          </p:cNvPr>
          <p:cNvSpPr>
            <a:spLocks noGrp="1"/>
          </p:cNvSpPr>
          <p:nvPr>
            <p:custDataLst>
              <p:tags r:id="rId23"/>
            </p:custDataLst>
          </p:nvPr>
        </p:nvSpPr>
        <p:spPr bwMode="gray">
          <a:xfrm>
            <a:off x="10291763" y="2844800"/>
            <a:ext cx="493713" cy="1920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rgbClr r="0" g="0" b="0"/>
                </a:solidFill>
              </a14:hiddenFill>
            </a:ext>
          </a:extLst>
        </p:spPr>
        <p:txBody>
          <a:bodyPr vert="horz" wrap="none" lIns="25400" tIns="0" rIns="25400" bIns="0" numCol="1" spcCol="0" rtlCol="0" anchor="t" anchorCtr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2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1435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fld id="{0BADCA74-8A2B-48B6-849D-E3C62993DEFF}" type="datetime'''-''''''''27''''''''''''''''''''%'''">
              <a:rPr kumimoji="0" lang="en-US" altLang="en-US" sz="14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ctr" defTabSz="914400" rtl="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rial" panose="020B0604020202020204" pitchFamily="34" charset="0"/>
                <a:buNone/>
                <a:tabLst/>
                <a:defRPr/>
              </a:pPr>
              <a:t>-27%</a:t>
            </a:fld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sp>
        <p:nvSpPr>
          <p:cNvPr id="55" name="Footer Placeholder 4">
            <a:extLst>
              <a:ext uri="{FF2B5EF4-FFF2-40B4-BE49-F238E27FC236}">
                <a16:creationId xmlns:a16="http://schemas.microsoft.com/office/drawing/2014/main" id="{5AC0F14A-9046-40D3-8B8F-1D3C9665CA5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70" y="6162324"/>
            <a:ext cx="4950130" cy="365125"/>
          </a:xfrm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ATA Economics using data from DDS</a:t>
            </a: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9BCC5FC5-E5DF-45CB-B687-954437B55A31}"/>
              </a:ext>
            </a:extLst>
          </p:cNvPr>
          <p:cNvSpPr txBox="1"/>
          <p:nvPr/>
        </p:nvSpPr>
        <p:spPr>
          <a:xfrm>
            <a:off x="381000" y="1349298"/>
            <a:ext cx="11171663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65000"/>
                  </a:prstClr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Difference in 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65000"/>
                  </a:prstClr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net airline bookings </a:t>
            </a: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>
                    <a:lumMod val="65000"/>
                  </a:prstClr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(sales minus refunds) made during the week of 24 Feb vs. the week prior, for travel at any future date to/from the wider Europe region, %</a:t>
            </a:r>
          </a:p>
        </p:txBody>
      </p:sp>
      <p:sp>
        <p:nvSpPr>
          <p:cNvPr id="67" name="TextBox 66">
            <a:extLst>
              <a:ext uri="{FF2B5EF4-FFF2-40B4-BE49-F238E27FC236}">
                <a16:creationId xmlns:a16="http://schemas.microsoft.com/office/drawing/2014/main" id="{D6345558-FE6A-49CD-8890-C3692EB807F9}"/>
              </a:ext>
            </a:extLst>
          </p:cNvPr>
          <p:cNvSpPr txBox="1"/>
          <p:nvPr/>
        </p:nvSpPr>
        <p:spPr>
          <a:xfrm>
            <a:off x="838200" y="5700658"/>
            <a:ext cx="994727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1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* Difference in net bookings &lt; -100% can occur if there were more refunds than new bookings processed the week of 24 Feb so net bookings for that week were negative.  </a:t>
            </a:r>
          </a:p>
        </p:txBody>
      </p:sp>
    </p:spTree>
    <p:extLst>
      <p:ext uri="{BB962C8B-B14F-4D97-AF65-F5344CB8AC3E}">
        <p14:creationId xmlns:p14="http://schemas.microsoft.com/office/powerpoint/2010/main" val="1369540259"/>
      </p:ext>
    </p:extLst>
  </p:cSld>
  <p:clrMapOvr>
    <a:masterClrMapping/>
  </p:clrMapOvr>
  <p:transition>
    <p:fade/>
  </p:transition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ct 7" hidden="1">
            <a:extLst>
              <a:ext uri="{FF2B5EF4-FFF2-40B4-BE49-F238E27FC236}">
                <a16:creationId xmlns:a16="http://schemas.microsoft.com/office/drawing/2014/main" id="{59BF0E24-4C94-4A30-B754-D67DA91B286B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31" name="think-cell Slide" r:id="rId5" imgW="416" imgH="416" progId="TCLayout.ActiveDocument.1">
                  <p:embed/>
                </p:oleObj>
              </mc:Choice>
              <mc:Fallback>
                <p:oleObj name="think-cell Slide" r:id="rId5" imgW="416" imgH="416" progId="TCLayout.ActiveDocument.1">
                  <p:embed/>
                  <p:pic>
                    <p:nvPicPr>
                      <p:cNvPr id="8" name="Object 7" hidden="1">
                        <a:extLst>
                          <a:ext uri="{FF2B5EF4-FFF2-40B4-BE49-F238E27FC236}">
                            <a16:creationId xmlns:a16="http://schemas.microsoft.com/office/drawing/2014/main" id="{59BF0E24-4C94-4A30-B754-D67DA91B286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C6728950-71AA-4557-917B-B00BB323691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338" y="383585"/>
            <a:ext cx="11429324" cy="1022726"/>
          </a:xfrm>
        </p:spPr>
        <p:txBody>
          <a:bodyPr vert="horz"/>
          <a:lstStyle/>
          <a:p>
            <a:r>
              <a:rPr lang="en-US" sz="3600" dirty="0"/>
              <a:t>But Ticket sales US to Europe highlight resilient confidence 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865A9CE-E9E8-4BAB-B9CE-7B50F8A5B62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82CEB40-7C69-47E5-9106-E566935D3F53}" type="datetime3">
              <a:rPr lang="en-US" smtClean="0"/>
              <a:pPr/>
              <a:t>18 May 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2F2BC3A-2038-4782-A214-F7DBFDA363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Source: IATA/Tourism Economics Air Passenger Forecast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6828C23-A53F-4CFB-A7F6-E88D333894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9E565A-6679-4A67-8FB7-14EA342FD6E1}" type="slidenum">
              <a:rPr lang="en-US" smtClean="0"/>
              <a:pPr/>
              <a:t>21</a:t>
            </a:fld>
            <a:endParaRPr lang="en-US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1D3925ED-8493-4745-82BC-C897A2E376F0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83491" y="1459345"/>
            <a:ext cx="10880435" cy="501507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23832284"/>
      </p:ext>
    </p:extLst>
  </p:cSld>
  <p:clrMapOvr>
    <a:masterClrMapping/>
  </p:clrMapOvr>
  <p:transition>
    <p:fade/>
  </p:transition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Magnifying glass showing decling performance">
            <a:extLst>
              <a:ext uri="{FF2B5EF4-FFF2-40B4-BE49-F238E27FC236}">
                <a16:creationId xmlns:a16="http://schemas.microsoft.com/office/drawing/2014/main" id="{1FF36940-2484-458F-A382-A585C474D0A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-634008"/>
            <a:ext cx="12192000" cy="8126016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7EE2D1FE-7E16-4754-B08B-8BCB49C9982B}"/>
              </a:ext>
            </a:extLst>
          </p:cNvPr>
          <p:cNvSpPr/>
          <p:nvPr/>
        </p:nvSpPr>
        <p:spPr>
          <a:xfrm>
            <a:off x="2581275" y="1295400"/>
            <a:ext cx="7029450" cy="42672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9600" dirty="0"/>
              <a:t>BSPUK: </a:t>
            </a:r>
          </a:p>
          <a:p>
            <a:pPr algn="ctr"/>
            <a:r>
              <a:rPr lang="en-US" sz="9600" dirty="0"/>
              <a:t>Road to  recovery</a:t>
            </a:r>
          </a:p>
        </p:txBody>
      </p:sp>
    </p:spTree>
    <p:extLst>
      <p:ext uri="{BB962C8B-B14F-4D97-AF65-F5344CB8AC3E}">
        <p14:creationId xmlns:p14="http://schemas.microsoft.com/office/powerpoint/2010/main" val="21390252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</p:bld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D7EE92D-BB5F-4904-BC55-556278B1A83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-1" y="216132"/>
            <a:ext cx="11665975" cy="781396"/>
          </a:xfrm>
        </p:spPr>
        <p:txBody>
          <a:bodyPr/>
          <a:lstStyle/>
          <a:p>
            <a:pPr algn="ctr"/>
            <a:r>
              <a:rPr lang="en-US" sz="4400" b="1" dirty="0">
                <a:solidFill>
                  <a:schemeClr val="accent1"/>
                </a:solidFill>
              </a:rPr>
              <a:t>BSPUK Operations – 2019 to date </a:t>
            </a:r>
            <a:r>
              <a:rPr lang="en-US" sz="3600" b="1" dirty="0">
                <a:solidFill>
                  <a:schemeClr val="accent1"/>
                </a:solidFill>
              </a:rPr>
              <a:t>– Sales settled  </a:t>
            </a:r>
            <a:endParaRPr lang="en-GB" sz="3600" dirty="0">
              <a:solidFill>
                <a:schemeClr val="accent1"/>
              </a:solidFill>
            </a:endParaRPr>
          </a:p>
          <a:p>
            <a:endParaRPr lang="en-GB" dirty="0"/>
          </a:p>
        </p:txBody>
      </p:sp>
      <p:graphicFrame>
        <p:nvGraphicFramePr>
          <p:cNvPr id="6" name="Chart 5">
            <a:extLst>
              <a:ext uri="{FF2B5EF4-FFF2-40B4-BE49-F238E27FC236}">
                <a16:creationId xmlns:a16="http://schemas.microsoft.com/office/drawing/2014/main" id="{D8424C69-1021-48DA-AB50-70C98F576AAC}"/>
              </a:ext>
            </a:extLst>
          </p:cNvPr>
          <p:cNvGraphicFramePr>
            <a:graphicFrameLocks/>
          </p:cNvGraphicFramePr>
          <p:nvPr/>
        </p:nvGraphicFramePr>
        <p:xfrm>
          <a:off x="370703" y="997528"/>
          <a:ext cx="11092547" cy="488428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41928626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D7EE92D-BB5F-4904-BC55-556278B1A839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-2" y="157943"/>
            <a:ext cx="12192001" cy="806333"/>
          </a:xfrm>
        </p:spPr>
        <p:txBody>
          <a:bodyPr/>
          <a:lstStyle/>
          <a:p>
            <a:pPr algn="ctr"/>
            <a:r>
              <a:rPr lang="en-US" sz="4400" b="1" dirty="0">
                <a:solidFill>
                  <a:schemeClr val="accent1"/>
                </a:solidFill>
              </a:rPr>
              <a:t>BSPUK Operations - 2019 to date- docs. settled </a:t>
            </a:r>
            <a:r>
              <a:rPr lang="en-US" sz="3600" b="1" dirty="0">
                <a:solidFill>
                  <a:schemeClr val="accent1"/>
                </a:solidFill>
              </a:rPr>
              <a:t>  </a:t>
            </a:r>
            <a:endParaRPr lang="en-GB" sz="3600" dirty="0">
              <a:solidFill>
                <a:schemeClr val="accent1"/>
              </a:solidFill>
            </a:endParaRPr>
          </a:p>
          <a:p>
            <a:endParaRPr lang="en-GB" dirty="0"/>
          </a:p>
        </p:txBody>
      </p:sp>
      <p:graphicFrame>
        <p:nvGraphicFramePr>
          <p:cNvPr id="6" name="Picture Placeholder 5">
            <a:extLst>
              <a:ext uri="{FF2B5EF4-FFF2-40B4-BE49-F238E27FC236}">
                <a16:creationId xmlns:a16="http://schemas.microsoft.com/office/drawing/2014/main" id="{DDC32322-62A8-4E3A-9B0E-69804BEE731F}"/>
              </a:ext>
            </a:extLst>
          </p:cNvPr>
          <p:cNvGraphicFramePr>
            <a:graphicFrameLocks noGrp="1"/>
          </p:cNvGraphicFramePr>
          <p:nvPr>
            <p:ph type="pic" sz="quarter" idx="13"/>
          </p:nvPr>
        </p:nvGraphicFramePr>
        <p:xfrm>
          <a:off x="-1588" y="847898"/>
          <a:ext cx="12193588" cy="601010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graphicFrame>
        <p:nvGraphicFramePr>
          <p:cNvPr id="7" name="Chart 6">
            <a:extLst>
              <a:ext uri="{FF2B5EF4-FFF2-40B4-BE49-F238E27FC236}">
                <a16:creationId xmlns:a16="http://schemas.microsoft.com/office/drawing/2014/main" id="{DDC32322-62A8-4E3A-9B0E-69804BEE731F}"/>
              </a:ext>
            </a:extLst>
          </p:cNvPr>
          <p:cNvGraphicFramePr>
            <a:graphicFrameLocks/>
          </p:cNvGraphicFramePr>
          <p:nvPr/>
        </p:nvGraphicFramePr>
        <p:xfrm>
          <a:off x="728750" y="964276"/>
          <a:ext cx="11098875" cy="48434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28770629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109C150-17DA-4DFE-AB94-67CF488EB50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b="1" dirty="0">
                <a:latin typeface="+mj-lt"/>
                <a:ea typeface="+mn-ea"/>
                <a:cs typeface="+mn-cs"/>
              </a:rPr>
              <a:t>BSPUK- Topical issues</a:t>
            </a:r>
            <a:endParaRPr lang="en-US" b="1" dirty="0">
              <a:latin typeface="+mj-lt"/>
              <a:ea typeface="+mn-ea"/>
              <a:cs typeface="+mn-cs"/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C914242-F535-4FFC-9A62-F025B50FAAFF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pPr marL="457200" indent="-457200">
              <a:buFont typeface="Wingdings" panose="05000000000000000000" pitchFamily="2" charset="2"/>
              <a:buChar char="Ø"/>
            </a:pPr>
            <a:r>
              <a:rPr lang="en-US" b="1" dirty="0"/>
              <a:t>Remittance Holding Capacity (RHC) </a:t>
            </a:r>
          </a:p>
          <a:p>
            <a:pPr marL="457200" lvl="4" indent="-457200">
              <a:buFont typeface="Wingdings" panose="05000000000000000000" pitchFamily="2" charset="2"/>
              <a:buChar char="ü"/>
            </a:pPr>
            <a:r>
              <a:rPr lang="en-US" dirty="0"/>
              <a:t>Monitoring and calculation-current process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endParaRPr lang="en-US" dirty="0"/>
          </a:p>
          <a:p>
            <a:pPr marL="457200" indent="-457200">
              <a:buFont typeface="Wingdings" panose="05000000000000000000" pitchFamily="2" charset="2"/>
              <a:buChar char="Ø"/>
            </a:pPr>
            <a:r>
              <a:rPr lang="en-US" b="1" dirty="0"/>
              <a:t>UK Local Financial Criteria for Annual reviews</a:t>
            </a:r>
          </a:p>
          <a:p>
            <a:pPr marL="457200" lvl="4" indent="-457200">
              <a:buFont typeface="Wingdings" panose="05000000000000000000" pitchFamily="2" charset="2"/>
              <a:buChar char="ü"/>
            </a:pPr>
            <a:r>
              <a:rPr lang="en-US" dirty="0"/>
              <a:t>Review process and change – update </a:t>
            </a:r>
          </a:p>
        </p:txBody>
      </p:sp>
    </p:spTree>
    <p:extLst>
      <p:ext uri="{BB962C8B-B14F-4D97-AF65-F5344CB8AC3E}">
        <p14:creationId xmlns:p14="http://schemas.microsoft.com/office/powerpoint/2010/main" val="38514874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descr="Text&#10;&#10;Description automatically generated">
            <a:extLst>
              <a:ext uri="{FF2B5EF4-FFF2-40B4-BE49-F238E27FC236}">
                <a16:creationId xmlns:a16="http://schemas.microsoft.com/office/drawing/2014/main" id="{CB3C6D7C-CA49-4F7E-B189-638416AD1DA0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70C007-650B-4804-9DB7-DE32288F34E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8937FE-5C9B-40C9-8C55-48EB04CA346C}" type="datetime3">
              <a:rPr lang="en-US">
                <a:solidFill>
                  <a:schemeClr val="bg1"/>
                </a:solidFill>
              </a:rPr>
              <a:pPr/>
              <a:t>18 May 2022</a:t>
            </a:fld>
            <a:endParaRPr lang="en-US">
              <a:solidFill>
                <a:schemeClr val="bg1"/>
              </a:solidFill>
            </a:endParaRPr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877AA5C1-2BF5-45CD-9715-DEAE271EC8C4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545639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ct 7" hidden="1">
            <a:extLst>
              <a:ext uri="{FF2B5EF4-FFF2-40B4-BE49-F238E27FC236}">
                <a16:creationId xmlns:a16="http://schemas.microsoft.com/office/drawing/2014/main" id="{E8B98D57-551A-442C-8928-E700E04CE83A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72" name="think-cell Slide" r:id="rId5" imgW="416" imgH="416" progId="TCLayout.ActiveDocument.1">
                  <p:embed/>
                </p:oleObj>
              </mc:Choice>
              <mc:Fallback>
                <p:oleObj name="think-cell Slide" r:id="rId5" imgW="416" imgH="416" progId="TCLayout.ActiveDocument.1">
                  <p:embed/>
                  <p:pic>
                    <p:nvPicPr>
                      <p:cNvPr id="8" name="Object 7" hidden="1">
                        <a:extLst>
                          <a:ext uri="{FF2B5EF4-FFF2-40B4-BE49-F238E27FC236}">
                            <a16:creationId xmlns:a16="http://schemas.microsoft.com/office/drawing/2014/main" id="{E8B98D57-551A-442C-8928-E700E04CE83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91147673-535C-4018-B4DF-D9602C9694E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29324" cy="907084"/>
          </a:xfrm>
        </p:spPr>
        <p:txBody>
          <a:bodyPr vert="horz"/>
          <a:lstStyle/>
          <a:p>
            <a:r>
              <a:rPr lang="en-US" sz="4800" dirty="0"/>
              <a:t>Global IATA forecast</a:t>
            </a:r>
            <a:br>
              <a:rPr lang="en-US" sz="3600" dirty="0"/>
            </a:br>
            <a:r>
              <a:rPr lang="en-US" sz="2800" dirty="0"/>
              <a:t>Positive pandemic evolution, but setbacks still a risk + weak Asia</a:t>
            </a:r>
            <a:endParaRPr lang="en-US" sz="36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DE24566-FA6A-46CA-8541-C75D4E5F6C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82CEB40-7C69-47E5-9106-E566935D3F53}" type="datetime3">
              <a:rPr lang="en-US" smtClean="0"/>
              <a:pPr/>
              <a:t>18 May 2022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F56F5E13-2E19-40DE-82F9-594F2A51BBD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-612674" y="6570000"/>
            <a:ext cx="5552974" cy="288000"/>
          </a:xfrm>
        </p:spPr>
        <p:txBody>
          <a:bodyPr/>
          <a:lstStyle/>
          <a:p>
            <a:r>
              <a:rPr lang="en-US" dirty="0"/>
              <a:t>Source: IATA/Tourism Economics Air Passenger Forecast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B018FDE-F167-4832-BAE3-6CB294FF934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9E565A-6679-4A67-8FB7-14EA342FD6E1}" type="slidenum">
              <a:rPr lang="en-US" smtClean="0"/>
              <a:pPr/>
              <a:t>4</a:t>
            </a:fld>
            <a:endParaRPr lang="en-US" dirty="0"/>
          </a:p>
        </p:txBody>
      </p:sp>
      <p:graphicFrame>
        <p:nvGraphicFramePr>
          <p:cNvPr id="9" name="Chart 8">
            <a:extLst>
              <a:ext uri="{FF2B5EF4-FFF2-40B4-BE49-F238E27FC236}">
                <a16:creationId xmlns:a16="http://schemas.microsoft.com/office/drawing/2014/main" id="{51E9F20E-48FE-4C6D-8995-2972EBA311EF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759796434"/>
              </p:ext>
            </p:extLst>
          </p:nvPr>
        </p:nvGraphicFramePr>
        <p:xfrm>
          <a:off x="282497" y="1567134"/>
          <a:ext cx="11429324" cy="489999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7"/>
          </a:graphicData>
        </a:graphic>
      </p:graphicFrame>
    </p:spTree>
    <p:extLst>
      <p:ext uri="{BB962C8B-B14F-4D97-AF65-F5344CB8AC3E}">
        <p14:creationId xmlns:p14="http://schemas.microsoft.com/office/powerpoint/2010/main" val="25655983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AA03E60-2EDE-4D3B-89C7-6D19A5DDBF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ut the sector still faces a turbulent time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87702AC-0C05-4772-B0D1-00C85C84BB8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6668176" y="2962173"/>
            <a:ext cx="5523824" cy="4267200"/>
          </a:xfrm>
        </p:spPr>
        <p:txBody>
          <a:bodyPr/>
          <a:lstStyle/>
          <a:p>
            <a:r>
              <a:rPr lang="en-GB" sz="4400" dirty="0"/>
              <a:t>Three threats: 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4400" dirty="0"/>
              <a:t>Debt burden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4400" dirty="0"/>
              <a:t>Fuel price 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4400" dirty="0"/>
              <a:t>Sustainability</a:t>
            </a:r>
            <a:endParaRPr lang="en-US" sz="4400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C05E50D-0611-4310-9E91-74121AEDA0C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382352" y="2962173"/>
            <a:ext cx="5904824" cy="4267200"/>
          </a:xfrm>
        </p:spPr>
        <p:txBody>
          <a:bodyPr/>
          <a:lstStyle/>
          <a:p>
            <a:r>
              <a:rPr lang="en-GB" sz="4400" dirty="0"/>
              <a:t>Three opportunities: 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4400" dirty="0"/>
              <a:t>Easing of restrictions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4400" dirty="0"/>
              <a:t>Pent up demand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GB" sz="4400" dirty="0"/>
              <a:t>Cargo has flourished  </a:t>
            </a:r>
            <a:endParaRPr lang="en-US" sz="4400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DB6D3E42-A3A7-4227-A317-E92B065ED44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834265" y="974523"/>
            <a:ext cx="8141118" cy="19495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55653102"/>
      </p:ext>
    </p:extLst>
  </p:cSld>
  <p:clrMapOvr>
    <a:masterClrMapping/>
  </p:clrMapOvr>
  <p:transition>
    <p:fade/>
  </p:transition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Magnifying glass showing decling performance">
            <a:extLst>
              <a:ext uri="{FF2B5EF4-FFF2-40B4-BE49-F238E27FC236}">
                <a16:creationId xmlns:a16="http://schemas.microsoft.com/office/drawing/2014/main" id="{1FF36940-2484-458F-A382-A585C474D0A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-634008"/>
            <a:ext cx="12192000" cy="8126016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7EE2D1FE-7E16-4754-B08B-8BCB49C9982B}"/>
              </a:ext>
            </a:extLst>
          </p:cNvPr>
          <p:cNvSpPr/>
          <p:nvPr/>
        </p:nvSpPr>
        <p:spPr>
          <a:xfrm>
            <a:off x="2581275" y="1295400"/>
            <a:ext cx="7029450" cy="42672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9600" dirty="0"/>
              <a:t>Debt Burden </a:t>
            </a:r>
            <a:endParaRPr lang="en-US" sz="9600" dirty="0"/>
          </a:p>
        </p:txBody>
      </p:sp>
    </p:spTree>
    <p:extLst>
      <p:ext uri="{BB962C8B-B14F-4D97-AF65-F5344CB8AC3E}">
        <p14:creationId xmlns:p14="http://schemas.microsoft.com/office/powerpoint/2010/main" val="19767621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8ACB19F9-3021-3048-8319-76540B9B5EE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7625" y="331200"/>
            <a:ext cx="11412000" cy="1002300"/>
          </a:xfrm>
        </p:spPr>
        <p:txBody>
          <a:bodyPr/>
          <a:lstStyle/>
          <a:p>
            <a:r>
              <a:rPr lang="en-US" altLang="en-US" sz="3600" dirty="0"/>
              <a:t>Airlines are capital intensive - loans and debts that kept the sector alive now need to be repaid</a:t>
            </a:r>
            <a:endParaRPr lang="en-GB" sz="3600" dirty="0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DA3F9A5B-93B7-5E41-830D-64943DD13A04}"/>
              </a:ext>
            </a:extLst>
          </p:cNvPr>
          <p:cNvSpPr>
            <a:spLocks/>
          </p:cNvSpPr>
          <p:nvPr/>
        </p:nvSpPr>
        <p:spPr>
          <a:xfrm>
            <a:off x="-3456000" y="0"/>
            <a:ext cx="3312000" cy="3420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lIns="180000" tIns="180000" rIns="180000" bIns="180000" rtlCol="0" anchor="t" anchorCtr="0"/>
          <a:lstStyle/>
          <a:p>
            <a:r>
              <a:rPr lang="en-GB" sz="1400" dirty="0">
                <a:solidFill>
                  <a:schemeClr val="tx1"/>
                </a:solidFill>
                <a:latin typeface="+mj-lt"/>
              </a:rPr>
              <a:t>TEXT FORMATTING / LIST LEVELS</a:t>
            </a:r>
            <a:endParaRPr lang="en-GB" sz="1400" b="0" i="0" dirty="0">
              <a:solidFill>
                <a:schemeClr val="tx1"/>
              </a:solidFill>
              <a:latin typeface="+mj-lt"/>
            </a:endParaRPr>
          </a:p>
          <a:p>
            <a:pPr>
              <a:spcAft>
                <a:spcPts val="1200"/>
              </a:spcAft>
            </a:pPr>
            <a:r>
              <a:rPr lang="en-GB" sz="1400" b="0" i="0" dirty="0">
                <a:solidFill>
                  <a:schemeClr val="tx1"/>
                </a:solidFill>
              </a:rPr>
              <a:t>To change the text formatting or list level:</a:t>
            </a:r>
          </a:p>
          <a:p>
            <a:pPr marL="180000" indent="-180000">
              <a:buFont typeface="Arial" panose="020B0604020202020204" pitchFamily="34" charset="0"/>
              <a:buChar char="•"/>
            </a:pPr>
            <a:r>
              <a:rPr lang="en-GB" sz="1400" dirty="0">
                <a:solidFill>
                  <a:schemeClr val="tx1"/>
                </a:solidFill>
              </a:rPr>
              <a:t>Highlight the paragraph or sentence </a:t>
            </a:r>
          </a:p>
          <a:p>
            <a:pPr marL="180000" indent="-180000">
              <a:buFont typeface="Arial" panose="020B0604020202020204" pitchFamily="34" charset="0"/>
              <a:buChar char="•"/>
            </a:pPr>
            <a:r>
              <a:rPr lang="en-GB" sz="1400" dirty="0">
                <a:solidFill>
                  <a:schemeClr val="tx1"/>
                </a:solidFill>
              </a:rPr>
              <a:t>From the </a:t>
            </a:r>
            <a:r>
              <a:rPr lang="en-GB" sz="1400" dirty="0">
                <a:solidFill>
                  <a:schemeClr val="tx1"/>
                </a:solidFill>
                <a:latin typeface="+mj-lt"/>
              </a:rPr>
              <a:t>Home</a:t>
            </a:r>
            <a:r>
              <a:rPr lang="en-GB" sz="1400" dirty="0">
                <a:solidFill>
                  <a:schemeClr val="tx1"/>
                </a:solidFill>
              </a:rPr>
              <a:t> tab, select the </a:t>
            </a:r>
            <a:r>
              <a:rPr lang="en-GB" sz="1400" dirty="0">
                <a:solidFill>
                  <a:schemeClr val="tx1"/>
                </a:solidFill>
                <a:latin typeface="+mj-lt"/>
              </a:rPr>
              <a:t>’Increase List Level’</a:t>
            </a:r>
            <a:r>
              <a:rPr lang="en-GB" sz="1400" dirty="0">
                <a:solidFill>
                  <a:schemeClr val="tx1"/>
                </a:solidFill>
              </a:rPr>
              <a:t> button</a:t>
            </a:r>
          </a:p>
          <a:p>
            <a:pPr marL="180000" indent="-180000">
              <a:buFont typeface="Arial" panose="020B0604020202020204" pitchFamily="34" charset="0"/>
              <a:buChar char="•"/>
            </a:pPr>
            <a:r>
              <a:rPr lang="en-GB" sz="1400" dirty="0">
                <a:solidFill>
                  <a:schemeClr val="tx1"/>
                </a:solidFill>
              </a:rPr>
              <a:t>Click the button once to remove the blue subtitle</a:t>
            </a:r>
          </a:p>
          <a:p>
            <a:pPr marL="180000" indent="-180000">
              <a:buFont typeface="Arial" panose="020B0604020202020204" pitchFamily="34" charset="0"/>
              <a:buChar char="•"/>
            </a:pPr>
            <a:r>
              <a:rPr lang="en-GB" sz="1400" dirty="0">
                <a:solidFill>
                  <a:schemeClr val="tx1"/>
                </a:solidFill>
              </a:rPr>
              <a:t>Click again to add the first level bullet point etc</a:t>
            </a:r>
          </a:p>
          <a:p>
            <a:pPr marL="180000" indent="-180000">
              <a:buFont typeface="Arial" panose="020B0604020202020204" pitchFamily="34" charset="0"/>
              <a:buChar char="•"/>
            </a:pPr>
            <a:r>
              <a:rPr lang="en-GB" sz="1400" dirty="0">
                <a:solidFill>
                  <a:schemeClr val="tx1"/>
                </a:solidFill>
              </a:rPr>
              <a:t>To go back a level, use the </a:t>
            </a:r>
            <a:r>
              <a:rPr lang="en-GB" sz="1400" dirty="0">
                <a:solidFill>
                  <a:schemeClr val="tx1"/>
                </a:solidFill>
                <a:latin typeface="+mj-lt"/>
              </a:rPr>
              <a:t>‘Decrease List Level’</a:t>
            </a:r>
            <a:r>
              <a:rPr lang="en-GB" sz="1400" dirty="0">
                <a:solidFill>
                  <a:schemeClr val="tx1"/>
                </a:solidFill>
              </a:rPr>
              <a:t> button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EBE08D75-EAA2-421F-9005-FF1556B05E9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316324" y="1051200"/>
            <a:ext cx="11311568" cy="2506836"/>
          </a:xfrm>
        </p:spPr>
        <p:txBody>
          <a:bodyPr/>
          <a:lstStyle/>
          <a:p>
            <a:pPr marL="601200" lvl="1" indent="-457200">
              <a:buFont typeface="+mj-lt"/>
              <a:buAutoNum type="arabicPeriod"/>
            </a:pPr>
            <a:endParaRPr lang="en-US" dirty="0"/>
          </a:p>
          <a:p>
            <a:pPr marL="601200" lvl="1" indent="-457200">
              <a:buFont typeface="+mj-lt"/>
              <a:buAutoNum type="arabicPeriod"/>
            </a:pPr>
            <a:endParaRPr lang="en-US" dirty="0"/>
          </a:p>
          <a:p>
            <a:pPr marL="630900" lvl="2" indent="-342900">
              <a:buFont typeface="Courier New" panose="02070309020205020404" pitchFamily="49" charset="0"/>
              <a:buChar char="o"/>
            </a:pPr>
            <a:endParaRPr lang="en-US" dirty="0"/>
          </a:p>
          <a:p>
            <a:pPr marL="486900" lvl="1" indent="-342900">
              <a:buFont typeface="Courier New" panose="02070309020205020404" pitchFamily="49" charset="0"/>
              <a:buChar char="o"/>
            </a:pPr>
            <a:endParaRPr lang="en-GB" dirty="0"/>
          </a:p>
          <a:p>
            <a:pPr marL="486900" lvl="1" indent="-342900">
              <a:buFont typeface="Courier New" panose="02070309020205020404" pitchFamily="49" charset="0"/>
              <a:buChar char="o"/>
            </a:pPr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02B91874-7689-4155-8DE6-9E23C40DDB0C}"/>
              </a:ext>
            </a:extLst>
          </p:cNvPr>
          <p:cNvSpPr txBox="1">
            <a:spLocks/>
          </p:cNvSpPr>
          <p:nvPr/>
        </p:nvSpPr>
        <p:spPr>
          <a:xfrm>
            <a:off x="502895" y="3779475"/>
            <a:ext cx="11124997" cy="5012249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500"/>
              </a:spcAft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Aktiv Grotesk" panose="020B0504020202020204" pitchFamily="34" charset="0"/>
                <a:ea typeface="+mn-ea"/>
                <a:cs typeface="+mn-cs"/>
              </a:defRPr>
            </a:lvl2pPr>
            <a:lvl3pPr marL="288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SzPct val="110000"/>
              <a:buFont typeface="Aktiv Grotesk" panose="020B0504020202020204" pitchFamily="34" charset="0"/>
              <a:buChar char="–"/>
              <a:defRPr sz="2000" kern="1200">
                <a:solidFill>
                  <a:schemeClr val="tx1"/>
                </a:solidFill>
                <a:latin typeface="Aktiv Grotesk" panose="020B0504020202020204" pitchFamily="34" charset="0"/>
                <a:ea typeface="+mn-ea"/>
                <a:cs typeface="+mn-cs"/>
              </a:defRPr>
            </a:lvl3pPr>
            <a:lvl4pPr marL="432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700"/>
              </a:spcAft>
              <a:buSzPct val="110000"/>
              <a:buFont typeface="Aktiv Grotesk" panose="020B0504020202020204" pitchFamily="34" charset="0"/>
              <a:buChar char="–"/>
              <a:defRPr sz="2000" kern="1200">
                <a:solidFill>
                  <a:schemeClr val="tx1"/>
                </a:solidFill>
                <a:latin typeface="Aktiv Grotesk" panose="020B0504020202020204" pitchFamily="34" charset="0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ct val="110000"/>
              <a:buFontTx/>
              <a:buNone/>
              <a:defRPr sz="20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dirty="0"/>
          </a:p>
          <a:p>
            <a:endParaRPr lang="en-US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CE8D2E9D-0B3F-4454-AE81-D10E390C2CE7}"/>
              </a:ext>
            </a:extLst>
          </p:cNvPr>
          <p:cNvPicPr/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9517" y="1333501"/>
            <a:ext cx="12088216" cy="55245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99306549"/>
      </p:ext>
    </p:extLst>
  </p:cSld>
  <p:clrMapOvr>
    <a:masterClrMapping/>
  </p:clrMapOvr>
  <p:transition>
    <p:fade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229C7F21-1616-4774-9880-E37237832D2F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4"/>
          <a:srcRect/>
          <a:stretch/>
        </p:blipFill>
        <p:spPr>
          <a:xfrm>
            <a:off x="8003" y="-633984"/>
            <a:ext cx="12183997" cy="8120634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7EE2D1FE-7E16-4754-B08B-8BCB49C9982B}"/>
              </a:ext>
            </a:extLst>
          </p:cNvPr>
          <p:cNvSpPr/>
          <p:nvPr/>
        </p:nvSpPr>
        <p:spPr>
          <a:xfrm>
            <a:off x="2581275" y="1295400"/>
            <a:ext cx="7029450" cy="42672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9600" dirty="0"/>
              <a:t>Fuel price</a:t>
            </a:r>
            <a:endParaRPr lang="en-US" sz="9600" dirty="0"/>
          </a:p>
        </p:txBody>
      </p:sp>
    </p:spTree>
    <p:extLst>
      <p:ext uri="{BB962C8B-B14F-4D97-AF65-F5344CB8AC3E}">
        <p14:creationId xmlns:p14="http://schemas.microsoft.com/office/powerpoint/2010/main" val="32590941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62FFF9A-B81C-4D41-8B8D-4F48A6223AC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4000" dirty="0"/>
              <a:t>Jet fuel price soaring amid supply concerns</a:t>
            </a:r>
            <a:br>
              <a:rPr lang="en-US" sz="4000" dirty="0"/>
            </a:br>
            <a:r>
              <a:rPr lang="en-US" sz="2800" dirty="0"/>
              <a:t>Jet fuel price up 45% year-to-date, putting pressure on airlines’ costs</a:t>
            </a:r>
            <a:br>
              <a:rPr lang="en-US" sz="4000" dirty="0"/>
            </a:br>
            <a:endParaRPr lang="en-US" sz="40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5036228-8FA0-4806-B6A5-E1B14AEAB198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101138" y="6162324"/>
            <a:ext cx="1814512" cy="365125"/>
          </a:xfrm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18FDAFA-8F58-4F9F-8532-9365EB2351CF}" type="datetime3">
              <a:rPr kumimoji="0" lang="en-US" sz="1400" b="0" i="0" u="none" strike="noStrike" kern="1200" cap="none" spc="0" normalizeH="0" baseline="0" noProof="0" smtClean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8 May 2022</a:t>
            </a:fld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A3804AB-8A16-41A1-8D52-FFC65601CBE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955369" y="6162324"/>
            <a:ext cx="7952887" cy="365125"/>
          </a:xfrm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Source: Refinitiv Eikon </a:t>
            </a:r>
            <a:r>
              <a:rPr kumimoji="0" lang="en-US" sz="1400" b="0" i="0" u="none" strike="noStrike" kern="1200" cap="none" spc="0" normalizeH="0" baseline="0" noProof="0" dirty="0" err="1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Datastream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, Platts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25FBE5F-24AF-4B76-BC71-65FEA42C1F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A9E565A-6679-4A67-8FB7-14EA342FD6E1}" type="slidenum">
              <a:rPr kumimoji="0" lang="en-US" sz="1400" b="0" i="0" u="none" strike="noStrike" kern="1200" cap="none" spc="0" normalizeH="0" baseline="0" noProof="0" smtClean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en-US" sz="1400" b="0" i="0" u="none" strike="noStrike" kern="1200" cap="none" spc="0" normalizeH="0" baseline="0" noProof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+mn-ea"/>
              <a:cs typeface="+mn-cs"/>
            </a:endParaRPr>
          </a:p>
        </p:txBody>
      </p:sp>
      <p:graphicFrame>
        <p:nvGraphicFramePr>
          <p:cNvPr id="9" name="Content Placeholder 8">
            <a:extLst>
              <a:ext uri="{FF2B5EF4-FFF2-40B4-BE49-F238E27FC236}">
                <a16:creationId xmlns:a16="http://schemas.microsoft.com/office/drawing/2014/main" id="{00000000-0008-0000-0400-00000F000000}"/>
              </a:ext>
            </a:extLst>
          </p:cNvPr>
          <p:cNvGraphicFramePr>
            <a:graphicFrameLocks noGrp="1"/>
          </p:cNvGraphicFramePr>
          <p:nvPr>
            <p:ph idx="1"/>
          </p:nvPr>
        </p:nvGraphicFramePr>
        <p:xfrm>
          <a:off x="381000" y="1485900"/>
          <a:ext cx="11430000" cy="42672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3019466161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24337495754437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m9nu4Egj6qtRrhbtNv1jQ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3ZmM6bZST9__zFJN6DGUDA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UguqwCnoPTSVlQqW7gvocw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447EMc8.37BG7w2g5SX9kg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rDU5J3Dukbj92ncvvATMVA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SKSVRKaTHl7oDCIvRap8zw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Y1HkQDRxRruwL_NLGgdN7g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DfEpYBKjCIU61h8n64AdFA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7Hkx3_2OHG5L2.orWTqwNw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ZtFz4E_TcORWCj8lzm5kOQ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B7PGo.kBEZIESEHr9McCg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VFh9cCJ9p20YEf1zQo43EA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y4hpCHbnzw1XDIqYT.d2Dw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86fet77RDlWA9U8xwabDsw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xfAZ6.aS9TCh033BxOt0aw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_TZtQr4mOKYDRYCpWjJe1g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Y.wWZDXm6UhrBDa56ay3nA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vE.azvsmlzi.s7VFhOndg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iMFynj2Hxaiemj6F3HzcoA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mcnamaras\AppData\Local\Temp\Templafy\PowerPointVsto\Assets\1b7fb0bf-0410-4b00-a0ef-f3ef80c2ecb7.jpeg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WSJiEq0k_06hu4NcaqHdow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EH3DkyuX2CzrAfSQ8IVcQ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mcnamaras\AppData\Local\Temp\Templafy\PowerPointVsto\Assets\412f0b8b-c175-429c-a569-8eff2ec2b248.jpe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44812034441162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mcnamaras\AppData\Local\Temp\Templafy\PowerPointVsto\Assets\4ba137cb-cad4-4ac3-b62f-f0c4a2f9ceca.jpeg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mcnamaras\AppData\Local\Temp\Templafy\PowerPointVsto\Assets\e7586d82-2b55-4d96-b6c0-57ec544d6036.jpeg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mcnamaras\AppData\Local\Temp\Templafy\PowerPointVsto\Assets\c17d5c0e-b7a8-4c24-9bb2-5f733060547f.jpeg"/>
</p:tagLst>
</file>

<file path=ppt/theme/theme1.xml><?xml version="1.0" encoding="utf-8"?>
<a:theme xmlns:a="http://schemas.openxmlformats.org/drawingml/2006/main" name="Internal White">
  <a:themeElements>
    <a:clrScheme name="IATA">
      <a:dk1>
        <a:srgbClr val="000000"/>
      </a:dk1>
      <a:lt1>
        <a:srgbClr val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IATA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noAutofit/>
      </a:bodyPr>
      <a:lstStyle>
        <a:defPPr algn="l">
          <a:defRPr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03_Keynote_Template_23nov.potx" id="{E7297160-FCCA-40FB-9FA7-CA6EE44E5011}" vid="{4E4A49CC-C144-43C0-A5DB-5527A577A2A1}"/>
    </a:ext>
  </a:extLst>
</a:theme>
</file>

<file path=ppt/theme/theme10.xml><?xml version="1.0" encoding="utf-8"?>
<a:theme xmlns:a="http://schemas.openxmlformats.org/drawingml/2006/main" name="3_Internal Blue">
  <a:themeElements>
    <a:clrScheme name="IATA">
      <a:dk1>
        <a:srgbClr val="000000"/>
      </a:dk1>
      <a:lt1>
        <a:srgbClr val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Aktiv Grotesk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noAutofit/>
      </a:bodyPr>
      <a:lstStyle>
        <a:defPPr algn="l">
          <a:defRPr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03_Keynote_Template_23nov.potx" id="{E7297160-FCCA-40FB-9FA7-CA6EE44E5011}" vid="{E73269A8-24DE-48B3-9F86-13EA475C0BB8}"/>
    </a:ext>
  </a:extLst>
</a:theme>
</file>

<file path=ppt/theme/theme11.xml><?xml version="1.0" encoding="utf-8"?>
<a:theme xmlns:a="http://schemas.openxmlformats.org/drawingml/2006/main" name="2_Internal White">
  <a:themeElements>
    <a:clrScheme name="IATA">
      <a:dk1>
        <a:srgbClr val="000000"/>
      </a:dk1>
      <a:lt1>
        <a:srgbClr val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IATA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noAutofit/>
      </a:bodyPr>
      <a:lstStyle>
        <a:defPPr algn="l">
          <a:defRPr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04_Sales_Pitch_Template_23nov.potx" id="{4F77E6DD-9ED5-4B4A-9023-E61AFD372698}" vid="{35B3A8CE-2CC4-4541-8075-A8E7BC877FE7}"/>
    </a:ext>
  </a:extLst>
</a:theme>
</file>

<file path=ppt/theme/theme12.xml><?xml version="1.0" encoding="utf-8"?>
<a:theme xmlns:a="http://schemas.openxmlformats.org/drawingml/2006/main" name="4_Covers + Dividers">
  <a:themeElements>
    <a:clrScheme name="IATA">
      <a:dk1>
        <a:srgbClr val="000000"/>
      </a:dk1>
      <a:lt1>
        <a:srgbClr val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Aktiv Grotesk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noAutofit/>
      </a:bodyPr>
      <a:lstStyle>
        <a:defPPr algn="l">
          <a:defRPr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04_Sales_Pitch_Template_23nov.potx" id="{4F77E6DD-9ED5-4B4A-9023-E61AFD372698}" vid="{F37FCBE0-4D7C-4337-B031-A679313453AF}"/>
    </a:ext>
  </a:extLst>
</a:theme>
</file>

<file path=ppt/theme/theme13.xml><?xml version="1.0" encoding="utf-8"?>
<a:theme xmlns:a="http://schemas.openxmlformats.org/drawingml/2006/main" name="01_Internal_Template_12nov_AMEND">
  <a:themeElements>
    <a:clrScheme name="IATA">
      <a:dk1>
        <a:srgbClr val="000000"/>
      </a:dk1>
      <a:lt1>
        <a:srgbClr val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IATA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none" lIns="0" tIns="0" rIns="0" bIns="0" rtlCol="0">
        <a:noAutofit/>
      </a:bodyPr>
      <a:lstStyle>
        <a:defPPr algn="l">
          <a:defRPr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01_Internal_Template_23nov.potx" id="{3DE6D1FE-7352-4DD9-857F-F244C2A0D33B}" vid="{1F583206-4DE9-4D45-BB0E-A35D30037A92}"/>
    </a:ext>
  </a:extLst>
</a:theme>
</file>

<file path=ppt/theme/theme14.xml><?xml version="1.0" encoding="utf-8"?>
<a:theme xmlns:a="http://schemas.openxmlformats.org/drawingml/2006/main" name="5_Covers + Dividers">
  <a:themeElements>
    <a:clrScheme name="IATA">
      <a:dk1>
        <a:srgbClr val="000000"/>
      </a:dk1>
      <a:lt1>
        <a:srgbClr val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000000"/>
      </a:accent4>
      <a:accent5>
        <a:srgbClr val="289632"/>
      </a:accent5>
      <a:accent6>
        <a:srgbClr val="F046C8"/>
      </a:accent6>
      <a:hlink>
        <a:srgbClr val="0563C1"/>
      </a:hlink>
      <a:folHlink>
        <a:srgbClr val="954F72"/>
      </a:folHlink>
    </a:clrScheme>
    <a:fontScheme name="Aktiv Grotesk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noAutofit/>
      </a:bodyPr>
      <a:lstStyle>
        <a:defPPr algn="l">
          <a:defRPr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01_Internal_Template_23nov.potx" id="{3DE6D1FE-7352-4DD9-857F-F244C2A0D33B}" vid="{67BB57BA-E879-4CB2-9753-3FE8B27DA576}"/>
    </a:ext>
  </a:extLst>
</a:theme>
</file>

<file path=ppt/theme/theme15.xml><?xml version="1.0" encoding="utf-8"?>
<a:theme xmlns:a="http://schemas.openxmlformats.org/drawingml/2006/main" name="3_Basic_Template_NEW_v4">
  <a:themeElements>
    <a:clrScheme name="IATA">
      <a:dk1>
        <a:srgbClr val="000000"/>
      </a:dk1>
      <a:lt1>
        <a:srgbClr val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IATA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noAutofit/>
      </a:bodyPr>
      <a:lstStyle>
        <a:defPPr algn="l">
          <a:defRPr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02_Basic_Template_22nov.potx" id="{9E4D1EF2-0C3D-4ECB-88B3-2D8882A989EB}" vid="{6D07D427-6DA8-4D75-A761-F1AE6767C242}"/>
    </a:ext>
  </a:extLst>
</a:theme>
</file>

<file path=ppt/theme/theme16.xml><?xml version="1.0" encoding="utf-8"?>
<a:theme xmlns:a="http://schemas.openxmlformats.org/drawingml/2006/main" name="4_Basic_Template_NEW_v4">
  <a:themeElements>
    <a:clrScheme name="IATA">
      <a:dk1>
        <a:srgbClr val="000000"/>
      </a:dk1>
      <a:lt1>
        <a:srgbClr val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IATA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noAutofit/>
      </a:bodyPr>
      <a:lstStyle>
        <a:defPPr algn="l">
          <a:defRPr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Basic_Template.potx" id="{E23B7A74-865A-48CA-B16C-3F7694FDF1A9}" vid="{E04E649E-3158-4CA6-8102-A61C01F8009F}"/>
    </a:ext>
  </a:extLst>
</a:theme>
</file>

<file path=ppt/theme/theme17.xml><?xml version="1.0" encoding="utf-8"?>
<a:theme xmlns:a="http://schemas.openxmlformats.org/drawingml/2006/main" name="3_Internal White">
  <a:themeElements>
    <a:clrScheme name="IATA">
      <a:dk1>
        <a:srgbClr val="000000"/>
      </a:dk1>
      <a:lt1>
        <a:srgbClr val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IATA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noAutofit/>
      </a:bodyPr>
      <a:lstStyle>
        <a:defPPr algn="l">
          <a:defRPr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03_Keynote_Template_23nov.potx" id="{E7297160-FCCA-40FB-9FA7-CA6EE44E5011}" vid="{4E4A49CC-C144-43C0-A5DB-5527A577A2A1}"/>
    </a:ext>
  </a:extLst>
</a:theme>
</file>

<file path=ppt/theme/theme18.xml><?xml version="1.0" encoding="utf-8"?>
<a:theme xmlns:a="http://schemas.openxmlformats.org/drawingml/2006/main" name="4_Internal White">
  <a:themeElements>
    <a:clrScheme name="IATA">
      <a:dk1>
        <a:srgbClr val="000000"/>
      </a:dk1>
      <a:lt1>
        <a:srgbClr val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IATA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noAutofit/>
      </a:bodyPr>
      <a:lstStyle>
        <a:defPPr algn="l">
          <a:defRPr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03_Keynote_Template_22nov_v2.potx" id="{8D6B3527-708E-4BE6-8BC7-DA2A96392DD9}" vid="{BFC57005-83FC-4A91-8A39-0C3E281F4A8E}"/>
    </a:ext>
  </a:extLst>
</a:theme>
</file>

<file path=ppt/theme/theme19.xml><?xml version="1.0" encoding="utf-8"?>
<a:theme xmlns:a="http://schemas.openxmlformats.org/drawingml/2006/main" name="5_Internal White">
  <a:themeElements>
    <a:clrScheme name="IATA">
      <a:dk1>
        <a:srgbClr val="000000"/>
      </a:dk1>
      <a:lt1>
        <a:srgbClr val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IATA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noAutofit/>
      </a:bodyPr>
      <a:lstStyle>
        <a:defPPr algn="l">
          <a:defRPr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03_Keynote_Template_23nov.potx" id="{E7297160-FCCA-40FB-9FA7-CA6EE44E5011}" vid="{4E4A49CC-C144-43C0-A5DB-5527A577A2A1}"/>
    </a:ext>
  </a:extLst>
</a:theme>
</file>

<file path=ppt/theme/theme2.xml><?xml version="1.0" encoding="utf-8"?>
<a:theme xmlns:a="http://schemas.openxmlformats.org/drawingml/2006/main" name="Covers + Dividers">
  <a:themeElements>
    <a:clrScheme name="IATA">
      <a:dk1>
        <a:srgbClr val="000000"/>
      </a:dk1>
      <a:lt1>
        <a:srgbClr val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000000"/>
      </a:accent4>
      <a:accent5>
        <a:srgbClr val="289632"/>
      </a:accent5>
      <a:accent6>
        <a:srgbClr val="F046C8"/>
      </a:accent6>
      <a:hlink>
        <a:srgbClr val="0563C1"/>
      </a:hlink>
      <a:folHlink>
        <a:srgbClr val="954F72"/>
      </a:folHlink>
    </a:clrScheme>
    <a:fontScheme name="Aktiv Grotesk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noAutofit/>
      </a:bodyPr>
      <a:lstStyle>
        <a:defPPr algn="l">
          <a:defRPr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03_Keynote_Template_23nov.potx" id="{E7297160-FCCA-40FB-9FA7-CA6EE44E5011}" vid="{FDF53F3C-DF26-4894-BBC5-FB560F3EA931}"/>
    </a:ext>
  </a:extLst>
</a:theme>
</file>

<file path=ppt/theme/theme20.xml><?xml version="1.0" encoding="utf-8"?>
<a:theme xmlns:a="http://schemas.openxmlformats.org/drawingml/2006/main" name="5_Basic_Template_NEW_v4">
  <a:themeElements>
    <a:clrScheme name="IATA">
      <a:dk1>
        <a:srgbClr val="000000"/>
      </a:dk1>
      <a:lt1>
        <a:srgbClr val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IATA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noAutofit/>
      </a:bodyPr>
      <a:lstStyle>
        <a:defPPr algn="l">
          <a:defRPr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02_Basic_Template_22nov.potx" id="{9E4D1EF2-0C3D-4ECB-88B3-2D8882A989EB}" vid="{6D07D427-6DA8-4D75-A761-F1AE6767C242}"/>
    </a:ext>
  </a:extLst>
</a:theme>
</file>

<file path=ppt/theme/theme21.xml><?xml version="1.0" encoding="utf-8"?>
<a:theme xmlns:a="http://schemas.openxmlformats.org/drawingml/2006/main" name="IATA_Master">
  <a:themeElements>
    <a:clrScheme name="IATA">
      <a:dk1>
        <a:sysClr val="windowText" lastClr="000000"/>
      </a:dk1>
      <a:lt1>
        <a:sysClr val="window" lastClr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IATA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PT_default.pptx  -  Read-Only" id="{3393D6F6-3DDF-4AD8-AF70-01B8C861C0E9}" vid="{9069597E-579C-472E-93EE-52701DC46031}"/>
    </a:ext>
  </a:extLst>
</a:theme>
</file>

<file path=ppt/theme/theme22.xml><?xml version="1.0" encoding="utf-8"?>
<a:theme xmlns:a="http://schemas.openxmlformats.org/drawingml/2006/main" name="6_Covers + Dividers">
  <a:themeElements>
    <a:clrScheme name="IATA">
      <a:dk1>
        <a:srgbClr val="000000"/>
      </a:dk1>
      <a:lt1>
        <a:srgbClr val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Aktiv Grotesk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noAutofit/>
      </a:bodyPr>
      <a:lstStyle>
        <a:defPPr algn="l">
          <a:defRPr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04_Sales_Pitch_Template_23nov.potx" id="{4F77E6DD-9ED5-4B4A-9023-E61AFD372698}" vid="{F37FCBE0-4D7C-4337-B031-A679313453AF}"/>
    </a:ext>
  </a:extLst>
</a:theme>
</file>

<file path=ppt/theme/theme23.xml><?xml version="1.0" encoding="utf-8"?>
<a:theme xmlns:a="http://schemas.openxmlformats.org/drawingml/2006/main" name="Office Theme">
  <a:themeElements>
    <a:clrScheme name="IATA">
      <a:dk1>
        <a:srgbClr val="000000"/>
      </a:dk1>
      <a:lt1>
        <a:srgbClr val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000000"/>
      </a:accent4>
      <a:accent5>
        <a:srgbClr val="289632"/>
      </a:accent5>
      <a:accent6>
        <a:srgbClr val="F046C8"/>
      </a:accent6>
      <a:hlink>
        <a:srgbClr val="0563C1"/>
      </a:hlink>
      <a:folHlink>
        <a:srgbClr val="954F72"/>
      </a:folHlink>
    </a:clrScheme>
    <a:fontScheme name="IATA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4.xml><?xml version="1.0" encoding="utf-8"?>
<a:theme xmlns:a="http://schemas.openxmlformats.org/drawingml/2006/main" name="Office Theme">
  <a:themeElements>
    <a:clrScheme name="IATA">
      <a:dk1>
        <a:srgbClr val="000000"/>
      </a:dk1>
      <a:lt1>
        <a:srgbClr val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000000"/>
      </a:accent4>
      <a:accent5>
        <a:srgbClr val="289632"/>
      </a:accent5>
      <a:accent6>
        <a:srgbClr val="F046C8"/>
      </a:accent6>
      <a:hlink>
        <a:srgbClr val="0563C1"/>
      </a:hlink>
      <a:folHlink>
        <a:srgbClr val="954F72"/>
      </a:folHlink>
    </a:clrScheme>
    <a:fontScheme name="IATA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1_Internal Blue">
  <a:themeElements>
    <a:clrScheme name="IATA">
      <a:dk1>
        <a:srgbClr val="000000"/>
      </a:dk1>
      <a:lt1>
        <a:srgbClr val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Aktiv Grotesk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noAutofit/>
      </a:bodyPr>
      <a:lstStyle>
        <a:defPPr algn="l">
          <a:defRPr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03_Keynote_Template_23nov.potx" id="{E7297160-FCCA-40FB-9FA7-CA6EE44E5011}" vid="{E73269A8-24DE-48B3-9F86-13EA475C0BB8}"/>
    </a:ext>
  </a:extLst>
</a:theme>
</file>

<file path=ppt/theme/theme4.xml><?xml version="1.0" encoding="utf-8"?>
<a:theme xmlns:a="http://schemas.openxmlformats.org/drawingml/2006/main" name="Internal Blue">
  <a:themeElements>
    <a:clrScheme name="IATA">
      <a:dk1>
        <a:srgbClr val="000000"/>
      </a:dk1>
      <a:lt1>
        <a:srgbClr val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Aktiv Grotesk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noAutofit/>
      </a:bodyPr>
      <a:lstStyle>
        <a:defPPr algn="l">
          <a:defRPr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03_Keynote_Template_23nov.potx" id="{E7297160-FCCA-40FB-9FA7-CA6EE44E5011}" vid="{BC61E2A4-CCD6-436C-8C36-E2DAF65ADA78}"/>
    </a:ext>
  </a:extLst>
</a:theme>
</file>

<file path=ppt/theme/theme5.xml><?xml version="1.0" encoding="utf-8"?>
<a:theme xmlns:a="http://schemas.openxmlformats.org/drawingml/2006/main" name="1_Covers + Dividers">
  <a:themeElements>
    <a:clrScheme name="IATA">
      <a:dk1>
        <a:srgbClr val="000000"/>
      </a:dk1>
      <a:lt1>
        <a:srgbClr val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000000"/>
      </a:accent4>
      <a:accent5>
        <a:srgbClr val="289632"/>
      </a:accent5>
      <a:accent6>
        <a:srgbClr val="F046C8"/>
      </a:accent6>
      <a:hlink>
        <a:srgbClr val="0563C1"/>
      </a:hlink>
      <a:folHlink>
        <a:srgbClr val="954F72"/>
      </a:folHlink>
    </a:clrScheme>
    <a:fontScheme name="Aktiv Grotesk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noAutofit/>
      </a:bodyPr>
      <a:lstStyle>
        <a:defPPr algn="l">
          <a:defRPr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03_Keynote_Template_23nov.potx" id="{E7297160-FCCA-40FB-9FA7-CA6EE44E5011}" vid="{FCD547B6-DCB5-4F19-B091-3D550CF5DA91}"/>
    </a:ext>
  </a:extLst>
</a:theme>
</file>

<file path=ppt/theme/theme6.xml><?xml version="1.0" encoding="utf-8"?>
<a:theme xmlns:a="http://schemas.openxmlformats.org/drawingml/2006/main" name="02_Basic_Template_NEW_v4">
  <a:themeElements>
    <a:clrScheme name="IATA">
      <a:dk1>
        <a:srgbClr val="000000"/>
      </a:dk1>
      <a:lt1>
        <a:srgbClr val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IATA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noAutofit/>
      </a:bodyPr>
      <a:lstStyle>
        <a:defPPr algn="l">
          <a:defRPr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02_Basic_Template_22nov.potx" id="{9E4D1EF2-0C3D-4ECB-88B3-2D8882A989EB}" vid="{6D07D427-6DA8-4D75-A761-F1AE6767C242}"/>
    </a:ext>
  </a:extLst>
</a:theme>
</file>

<file path=ppt/theme/theme7.xml><?xml version="1.0" encoding="utf-8"?>
<a:theme xmlns:a="http://schemas.openxmlformats.org/drawingml/2006/main" name="2_Covers + Dividers">
  <a:themeElements>
    <a:clrScheme name="IATA">
      <a:dk1>
        <a:srgbClr val="000000"/>
      </a:dk1>
      <a:lt1>
        <a:srgbClr val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Aktiv Grotesk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noAutofit/>
      </a:bodyPr>
      <a:lstStyle>
        <a:defPPr algn="l">
          <a:defRPr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04_Sales_Pitch_Template_23nov.potx" id="{4F77E6DD-9ED5-4B4A-9023-E61AFD372698}" vid="{F37FCBE0-4D7C-4337-B031-A679313453AF}"/>
    </a:ext>
  </a:extLst>
</a:theme>
</file>

<file path=ppt/theme/theme8.xml><?xml version="1.0" encoding="utf-8"?>
<a:theme xmlns:a="http://schemas.openxmlformats.org/drawingml/2006/main" name="1_Internal White">
  <a:themeElements>
    <a:clrScheme name="IATA">
      <a:dk1>
        <a:srgbClr val="000000"/>
      </a:dk1>
      <a:lt1>
        <a:srgbClr val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IATA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noAutofit/>
      </a:bodyPr>
      <a:lstStyle>
        <a:defPPr algn="l">
          <a:defRPr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04_Sales_Pitch_Template_23nov.potx" id="{4F77E6DD-9ED5-4B4A-9023-E61AFD372698}" vid="{35B3A8CE-2CC4-4541-8075-A8E7BC877FE7}"/>
    </a:ext>
  </a:extLst>
</a:theme>
</file>

<file path=ppt/theme/theme9.xml><?xml version="1.0" encoding="utf-8"?>
<a:theme xmlns:a="http://schemas.openxmlformats.org/drawingml/2006/main" name="3_Covers + Dividers">
  <a:themeElements>
    <a:clrScheme name="IATA">
      <a:dk1>
        <a:srgbClr val="000000"/>
      </a:dk1>
      <a:lt1>
        <a:srgbClr val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Aktiv Grotesk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noAutofit/>
      </a:bodyPr>
      <a:lstStyle>
        <a:defPPr algn="l">
          <a:defRPr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04_Sales_Pitch_Template_23nov.potx" id="{4F77E6DD-9ED5-4B4A-9023-E61AFD372698}" vid="{F37FCBE0-4D7C-4337-B031-A679313453AF}"/>
    </a:ext>
  </a:extLst>
</a:theme>
</file>

<file path=ppt/theme/themeOverride1.xml><?xml version="1.0" encoding="utf-8"?>
<a:themeOverride xmlns:a="http://schemas.openxmlformats.org/drawingml/2006/main">
  <a:clrScheme name="Custom 15">
    <a:dk1>
      <a:srgbClr val="000000"/>
    </a:dk1>
    <a:lt1>
      <a:srgbClr val="FFFFFF"/>
    </a:lt1>
    <a:dk2>
      <a:srgbClr val="000000"/>
    </a:dk2>
    <a:lt2>
      <a:srgbClr val="FFFFFF"/>
    </a:lt2>
    <a:accent1>
      <a:srgbClr val="1E32FA"/>
    </a:accent1>
    <a:accent2>
      <a:srgbClr val="F04632"/>
    </a:accent2>
    <a:accent3>
      <a:srgbClr val="FAC832"/>
    </a:accent3>
    <a:accent4>
      <a:srgbClr val="000000"/>
    </a:accent4>
    <a:accent5>
      <a:srgbClr val="289632"/>
    </a:accent5>
    <a:accent6>
      <a:srgbClr val="F046C8"/>
    </a:accent6>
    <a:hlink>
      <a:srgbClr val="1E32FA"/>
    </a:hlink>
    <a:folHlink>
      <a:srgbClr val="FAC832"/>
    </a:folHlink>
  </a:clrScheme>
  <a:fontScheme name="ECON">
    <a:majorFont>
      <a:latin typeface="Aktiv Grotesk Medium"/>
      <a:ea typeface=""/>
      <a:cs typeface=""/>
    </a:majorFont>
    <a:minorFont>
      <a:latin typeface="Aktiv Grotesk"/>
      <a:ea typeface=""/>
      <a:cs typeface="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2.xml><?xml version="1.0" encoding="utf-8"?>
<a:themeOverride xmlns:a="http://schemas.openxmlformats.org/drawingml/2006/main">
  <a:clrScheme name="Custom 5">
    <a:dk1>
      <a:srgbClr val="000000"/>
    </a:dk1>
    <a:lt1>
      <a:srgbClr val="FFFFFF"/>
    </a:lt1>
    <a:dk2>
      <a:srgbClr val="000000"/>
    </a:dk2>
    <a:lt2>
      <a:srgbClr val="FFFFFF"/>
    </a:lt2>
    <a:accent1>
      <a:srgbClr val="1E32FA"/>
    </a:accent1>
    <a:accent2>
      <a:srgbClr val="FAC832"/>
    </a:accent2>
    <a:accent3>
      <a:srgbClr val="F04632"/>
    </a:accent3>
    <a:accent4>
      <a:srgbClr val="000000"/>
    </a:accent4>
    <a:accent5>
      <a:srgbClr val="289632"/>
    </a:accent5>
    <a:accent6>
      <a:srgbClr val="F046C8"/>
    </a:accent6>
    <a:hlink>
      <a:srgbClr val="1E32FA"/>
    </a:hlink>
    <a:folHlink>
      <a:srgbClr val="FAC832"/>
    </a:folHlink>
  </a:clrScheme>
  <a:fontScheme name="ECON">
    <a:majorFont>
      <a:latin typeface="Aktiv Grotesk Medium"/>
      <a:ea typeface=""/>
      <a:cs typeface=""/>
    </a:majorFont>
    <a:minorFont>
      <a:latin typeface="Aktiv Grotesk"/>
      <a:ea typeface=""/>
      <a:cs typeface="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3.xml><?xml version="1.0" encoding="utf-8"?>
<a:themeOverride xmlns:a="http://schemas.openxmlformats.org/drawingml/2006/main">
  <a:clrScheme name="Custom 15">
    <a:dk1>
      <a:srgbClr val="000000"/>
    </a:dk1>
    <a:lt1>
      <a:srgbClr val="FFFFFF"/>
    </a:lt1>
    <a:dk2>
      <a:srgbClr val="000000"/>
    </a:dk2>
    <a:lt2>
      <a:srgbClr val="FFFFFF"/>
    </a:lt2>
    <a:accent1>
      <a:srgbClr val="1E32FA"/>
    </a:accent1>
    <a:accent2>
      <a:srgbClr val="F04632"/>
    </a:accent2>
    <a:accent3>
      <a:srgbClr val="FAC832"/>
    </a:accent3>
    <a:accent4>
      <a:srgbClr val="000000"/>
    </a:accent4>
    <a:accent5>
      <a:srgbClr val="289632"/>
    </a:accent5>
    <a:accent6>
      <a:srgbClr val="F046C8"/>
    </a:accent6>
    <a:hlink>
      <a:srgbClr val="1E32FA"/>
    </a:hlink>
    <a:folHlink>
      <a:srgbClr val="FAC832"/>
    </a:folHlink>
  </a:clrScheme>
  <a:fontScheme name="ECON">
    <a:majorFont>
      <a:latin typeface="Aktiv Grotesk Medium"/>
      <a:ea typeface=""/>
      <a:cs typeface=""/>
    </a:majorFont>
    <a:minorFont>
      <a:latin typeface="Aktiv Grotesk"/>
      <a:ea typeface=""/>
      <a:cs typeface="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4.xml><?xml version="1.0" encoding="utf-8"?>
<a:themeOverride xmlns:a="http://schemas.openxmlformats.org/drawingml/2006/main">
  <a:clrScheme name="Custom 15">
    <a:dk1>
      <a:srgbClr val="000000"/>
    </a:dk1>
    <a:lt1>
      <a:srgbClr val="FFFFFF"/>
    </a:lt1>
    <a:dk2>
      <a:srgbClr val="000000"/>
    </a:dk2>
    <a:lt2>
      <a:srgbClr val="FFFFFF"/>
    </a:lt2>
    <a:accent1>
      <a:srgbClr val="1E32FA"/>
    </a:accent1>
    <a:accent2>
      <a:srgbClr val="F04632"/>
    </a:accent2>
    <a:accent3>
      <a:srgbClr val="FAC832"/>
    </a:accent3>
    <a:accent4>
      <a:srgbClr val="000000"/>
    </a:accent4>
    <a:accent5>
      <a:srgbClr val="289632"/>
    </a:accent5>
    <a:accent6>
      <a:srgbClr val="F046C8"/>
    </a:accent6>
    <a:hlink>
      <a:srgbClr val="1E32FA"/>
    </a:hlink>
    <a:folHlink>
      <a:srgbClr val="FAC832"/>
    </a:folHlink>
  </a:clrScheme>
  <a:fontScheme name="ECON">
    <a:majorFont>
      <a:latin typeface="Aktiv Grotesk Medium"/>
      <a:ea typeface=""/>
      <a:cs typeface=""/>
    </a:majorFont>
    <a:minorFont>
      <a:latin typeface="Aktiv Grotesk"/>
      <a:ea typeface=""/>
      <a:cs typeface="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5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44546A"/>
    </a:dk2>
    <a:lt2>
      <a:srgbClr val="E7E6E6"/>
    </a:lt2>
    <a:accent1>
      <a:srgbClr val="4472C4"/>
    </a:accent1>
    <a:accent2>
      <a:srgbClr val="ED7D31"/>
    </a:accent2>
    <a:accent3>
      <a:srgbClr val="A5A5A5"/>
    </a:accent3>
    <a:accent4>
      <a:srgbClr val="FFC000"/>
    </a:accent4>
    <a:accent5>
      <a:srgbClr val="5B9BD5"/>
    </a:accent5>
    <a:accent6>
      <a:srgbClr val="70AD47"/>
    </a:accent6>
    <a:hlink>
      <a:srgbClr val="0563C1"/>
    </a:hlink>
    <a:folHlink>
      <a:srgbClr val="954F72"/>
    </a:folHlink>
  </a:clrScheme>
  <a:fontScheme name="Office">
    <a:majorFont>
      <a:latin typeface="Calibri Light" panose="020F0302020204030204"/>
      <a:ea typeface=""/>
      <a:cs typeface=""/>
      <a:font script="Jpan" typeface="游ゴシック Light"/>
      <a:font script="Hang" typeface="맑은 고딕"/>
      <a:font script="Hans" typeface="等线 Light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ajorFont>
    <a:minorFont>
      <a:latin typeface="Calibri" panose="020F0502020204030204"/>
      <a:ea typeface=""/>
      <a:cs typeface=""/>
      <a:font script="Jpan" typeface="游ゴシック"/>
      <a:font script="Hang" typeface="맑은 고딕"/>
      <a:font script="Hans" typeface="等线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  <a:font script="Armn" typeface="Arial"/>
      <a:font script="Bugi" typeface="Leelawadee UI"/>
      <a:font script="Bopo" typeface="Microsoft JhengHei"/>
      <a:font script="Java" typeface="Javanese Text"/>
      <a:font script="Lisu" typeface="Segoe UI"/>
      <a:font script="Mymr" typeface="Myanmar Text"/>
      <a:font script="Nkoo" typeface="Ebrima"/>
      <a:font script="Olck" typeface="Nirmala UI"/>
      <a:font script="Osma" typeface="Ebrima"/>
      <a:font script="Phag" typeface="Phagspa"/>
      <a:font script="Syrn" typeface="Estrangelo Edessa"/>
      <a:font script="Syrj" typeface="Estrangelo Edessa"/>
      <a:font script="Syre" typeface="Estrangelo Edessa"/>
      <a:font script="Sora" typeface="Nirmala UI"/>
      <a:font script="Tale" typeface="Microsoft Tai Le"/>
      <a:font script="Talu" typeface="Microsoft New Tai Lue"/>
      <a:font script="Tfng" typeface="Ebrima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8CE8D3591FF52B4D8EF8323DAD109387" ma:contentTypeVersion="13" ma:contentTypeDescription="Create a new document." ma:contentTypeScope="" ma:versionID="aed085554446e6701d130708a8dfedfd">
  <xsd:schema xmlns:xsd="http://www.w3.org/2001/XMLSchema" xmlns:xs="http://www.w3.org/2001/XMLSchema" xmlns:p="http://schemas.microsoft.com/office/2006/metadata/properties" xmlns:ns3="1e94ca06-3364-4a9d-89c1-ed23dfec5abd" xmlns:ns4="26c519b1-01ab-4b26-8d44-cde42aa5da46" targetNamespace="http://schemas.microsoft.com/office/2006/metadata/properties" ma:root="true" ma:fieldsID="da6574eda6fbfdaf881d54bddce2f770" ns3:_="" ns4:_="">
    <xsd:import namespace="1e94ca06-3364-4a9d-89c1-ed23dfec5abd"/>
    <xsd:import namespace="26c519b1-01ab-4b26-8d44-cde42aa5da46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Location" minOccurs="0"/>
                <xsd:element ref="ns3:MediaServiceOCR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GenerationTime" minOccurs="0"/>
                <xsd:element ref="ns3:MediaServiceEventHashCode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e94ca06-3364-4a9d-89c1-ed23dfec5ab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1" nillable="true" ma:displayName="Tags" ma:internalName="MediaServiceAutoTags" ma:readOnly="true">
      <xsd:simpleType>
        <xsd:restriction base="dms:Text"/>
      </xsd:simpleType>
    </xsd:element>
    <xsd:element name="MediaServiceLocation" ma:index="12" nillable="true" ma:displayName="Location" ma:internalName="MediaServiceLocation" ma:readOnly="true">
      <xsd:simpleType>
        <xsd:restriction base="dms:Text"/>
      </xsd:simpleType>
    </xsd:element>
    <xsd:element name="MediaServiceOCR" ma:index="13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9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20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6c519b1-01ab-4b26-8d44-cde42aa5da46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6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84CC65B2-8549-471E-9162-4DDDED05F4B6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EADC4DCB-51D8-444D-8246-5329CA6F10D0}">
  <ds:schemaRefs>
    <ds:schemaRef ds:uri="http://schemas.microsoft.com/office/2006/documentManagement/types"/>
    <ds:schemaRef ds:uri="http://purl.org/dc/elements/1.1/"/>
    <ds:schemaRef ds:uri="http://schemas.microsoft.com/office/2006/metadata/properties"/>
    <ds:schemaRef ds:uri="http://schemas.microsoft.com/office/infopath/2007/PartnerControls"/>
    <ds:schemaRef ds:uri="http://purl.org/dc/terms/"/>
    <ds:schemaRef ds:uri="http://purl.org/dc/dcmitype/"/>
    <ds:schemaRef ds:uri="http://schemas.openxmlformats.org/package/2006/metadata/core-properties"/>
    <ds:schemaRef ds:uri="26c519b1-01ab-4b26-8d44-cde42aa5da46"/>
    <ds:schemaRef ds:uri="1e94ca06-3364-4a9d-89c1-ed23dfec5abd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7C680DC8-7B67-436C-95E5-C8B28CCB3007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1e94ca06-3364-4a9d-89c1-ed23dfec5abd"/>
    <ds:schemaRef ds:uri="26c519b1-01ab-4b26-8d44-cde42aa5da46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Keynote_Template</Template>
  <TotalTime>25750</TotalTime>
  <Words>809</Words>
  <Application>Microsoft Office PowerPoint</Application>
  <PresentationFormat>Widescreen</PresentationFormat>
  <Paragraphs>152</Paragraphs>
  <Slides>25</Slides>
  <Notes>14</Notes>
  <HiddenSlides>0</HiddenSlides>
  <MMClips>0</MMClips>
  <ScaleCrop>false</ScaleCrop>
  <HeadingPairs>
    <vt:vector size="8" baseType="variant">
      <vt:variant>
        <vt:lpstr>Fonts Used</vt:lpstr>
      </vt:variant>
      <vt:variant>
        <vt:i4>7</vt:i4>
      </vt:variant>
      <vt:variant>
        <vt:lpstr>Theme</vt:lpstr>
      </vt:variant>
      <vt:variant>
        <vt:i4>22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25</vt:i4>
      </vt:variant>
    </vt:vector>
  </HeadingPairs>
  <TitlesOfParts>
    <vt:vector size="55" baseType="lpstr">
      <vt:lpstr>Aktiv Grotesk Light</vt:lpstr>
      <vt:lpstr>Aktiv Grotesk Thin</vt:lpstr>
      <vt:lpstr>Aktiv Grotesk</vt:lpstr>
      <vt:lpstr>Aktiv Grotesk Medium</vt:lpstr>
      <vt:lpstr>Courier New</vt:lpstr>
      <vt:lpstr>Wingdings</vt:lpstr>
      <vt:lpstr>Arial</vt:lpstr>
      <vt:lpstr>Internal White</vt:lpstr>
      <vt:lpstr>Covers + Dividers</vt:lpstr>
      <vt:lpstr>1_Internal Blue</vt:lpstr>
      <vt:lpstr>Internal Blue</vt:lpstr>
      <vt:lpstr>1_Covers + Dividers</vt:lpstr>
      <vt:lpstr>02_Basic_Template_NEW_v4</vt:lpstr>
      <vt:lpstr>2_Covers + Dividers</vt:lpstr>
      <vt:lpstr>1_Internal White</vt:lpstr>
      <vt:lpstr>3_Covers + Dividers</vt:lpstr>
      <vt:lpstr>3_Internal Blue</vt:lpstr>
      <vt:lpstr>2_Internal White</vt:lpstr>
      <vt:lpstr>4_Covers + Dividers</vt:lpstr>
      <vt:lpstr>01_Internal_Template_12nov_AMEND</vt:lpstr>
      <vt:lpstr>5_Covers + Dividers</vt:lpstr>
      <vt:lpstr>3_Basic_Template_NEW_v4</vt:lpstr>
      <vt:lpstr>4_Basic_Template_NEW_v4</vt:lpstr>
      <vt:lpstr>3_Internal White</vt:lpstr>
      <vt:lpstr>4_Internal White</vt:lpstr>
      <vt:lpstr>5_Internal White</vt:lpstr>
      <vt:lpstr>5_Basic_Template_NEW_v4</vt:lpstr>
      <vt:lpstr>IATA_Master</vt:lpstr>
      <vt:lpstr>6_Covers + Dividers</vt:lpstr>
      <vt:lpstr>think-cell Slide</vt:lpstr>
      <vt:lpstr>PowerPoint Presentation</vt:lpstr>
      <vt:lpstr>A global shock that no one expected </vt:lpstr>
      <vt:lpstr>PowerPoint Presentation</vt:lpstr>
      <vt:lpstr>Global IATA forecast Positive pandemic evolution, but setbacks still a risk + weak Asia</vt:lpstr>
      <vt:lpstr>But the sector still faces a turbulent time</vt:lpstr>
      <vt:lpstr>PowerPoint Presentation</vt:lpstr>
      <vt:lpstr>Airlines are capital intensive - loans and debts that kept the sector alive now need to be repaid</vt:lpstr>
      <vt:lpstr>PowerPoint Presentation</vt:lpstr>
      <vt:lpstr>Jet fuel price soaring amid supply concerns Jet fuel price up 45% year-to-date, putting pressure on airlines’ costs </vt:lpstr>
      <vt:lpstr>PowerPoint Presentation</vt:lpstr>
      <vt:lpstr>Achieving net zero globally by 2050 needs collective effort </vt:lpstr>
      <vt:lpstr>PowerPoint Presentation</vt:lpstr>
      <vt:lpstr>International recovery particularly slow in Asia China may not reopen before H2 22. Rest of region reopens gradually</vt:lpstr>
      <vt:lpstr>PowerPoint Presentation</vt:lpstr>
      <vt:lpstr>Travel demand is still fragile in some markets Recovery led by price-sensitive leisure travelers     </vt:lpstr>
      <vt:lpstr>PowerPoint Presentation</vt:lpstr>
      <vt:lpstr>PowerPoint Presentation</vt:lpstr>
      <vt:lpstr>Air cargo has remained resilient throughout the  pandemic</vt:lpstr>
      <vt:lpstr>But the World facing a new challenge: Attention turns to Eastern Europe as COVID concerns fade</vt:lpstr>
      <vt:lpstr>10 most affected countries are in Eastern Europe: Ukraine and Moldova show the largest fall in bookings </vt:lpstr>
      <vt:lpstr>But Ticket sales US to Europe highlight resilient confidence </vt:lpstr>
      <vt:lpstr>PowerPoint Presentation</vt:lpstr>
      <vt:lpstr>PowerPoint Presentation</vt:lpstr>
      <vt:lpstr>PowerPoint Presentation</vt:lpstr>
      <vt:lpstr>BSPUK- Topical issues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tion  cover page title</dc:title>
  <dc:creator>WAN Amber</dc:creator>
  <cp:lastModifiedBy>Dave Clare</cp:lastModifiedBy>
  <cp:revision>434</cp:revision>
  <cp:lastPrinted>2022-05-10T15:48:16Z</cp:lastPrinted>
  <dcterms:created xsi:type="dcterms:W3CDTF">2019-01-25T13:27:31Z</dcterms:created>
  <dcterms:modified xsi:type="dcterms:W3CDTF">2022-05-18T06:18:3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8CE8D3591FF52B4D8EF8323DAD109387</vt:lpwstr>
  </property>
</Properties>
</file>